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103\05_財政G\☆02_調査\000_データ類\03_税財政データ集\R4年度\02_財政グループ分\03_エクセル\03_財政G分まとめ\"/>
    </mc:Choice>
  </mc:AlternateContent>
  <bookViews>
    <workbookView xWindow="0" yWindow="0" windowWidth="20400" windowHeight="7236"/>
  </bookViews>
  <sheets>
    <sheet name="14" sheetId="1" r:id="rId1"/>
  </sheets>
  <externalReferences>
    <externalReference r:id="rId2"/>
  </externalReferences>
  <definedNames>
    <definedName name="_A0002">[1]ﾃﾞｰﾀ!$C$20:$C$65</definedName>
    <definedName name="_C0074">[1]ﾃﾞｰﾀ!$AM$20:$AM$65</definedName>
    <definedName name="_C0075">[1]ﾃﾞｰﾀ!$AN$20:$AN$65</definedName>
    <definedName name="_C0076">[1]ﾃﾞｰﾀ!$AO$20:$AO$65</definedName>
    <definedName name="_C0077">[1]ﾃﾞｰﾀ!$AP$20:$AP$65</definedName>
    <definedName name="_C0079">[1]ﾃﾞｰﾀ!$AQ$20:$AQ$65</definedName>
    <definedName name="_C0080">[1]ﾃﾞｰﾀ!$AR$20:$AR$65</definedName>
    <definedName name="_C0081">[1]ﾃﾞｰﾀ!$AS$20:$AS$65</definedName>
    <definedName name="_C0082">[1]ﾃﾞｰﾀ!$AT$20:$AT$65</definedName>
    <definedName name="_C0083">[1]ﾃﾞｰﾀ!$AU$20:$AU$65</definedName>
    <definedName name="_C0084">[1]ﾃﾞｰﾀ!$AV$20:$AV$65</definedName>
    <definedName name="_C0085">[1]ﾃﾞｰﾀ!$AW$20:$AW$65</definedName>
    <definedName name="_C0086">[1]ﾃﾞｰﾀ!$AX$20:$AX$65</definedName>
    <definedName name="_C0087">[1]ﾃﾞｰﾀ!$AY$20:$AY$65</definedName>
    <definedName name="_C0088">[1]ﾃﾞｰﾀ!$AZ$20:$AZ$65</definedName>
    <definedName name="_C0089">[1]ﾃﾞｰﾀ!$BA$20:$BA$65</definedName>
    <definedName name="_C0090">[1]ﾃﾞｰﾀ!$BB$20:$BB$65</definedName>
    <definedName name="_C0091">[1]ﾃﾞｰﾀ!$BC$20:$BC$65</definedName>
    <definedName name="_C0092">[1]ﾃﾞｰﾀ!$BD$20:$BD$65</definedName>
    <definedName name="_C0093">[1]ﾃﾞｰﾀ!$BE$20:$BE$65</definedName>
    <definedName name="_C0094">[1]ﾃﾞｰﾀ!$BF$20:$BF$65</definedName>
    <definedName name="_C0095">[1]ﾃﾞｰﾀ!$BG$20:$BG$65</definedName>
    <definedName name="_C0096">[1]ﾃﾞｰﾀ!$BH$20:$BH$65</definedName>
    <definedName name="_C0100">[1]ﾃﾞｰﾀ!$BI$20:$BI$65</definedName>
    <definedName name="_C0102">[1]ﾃﾞｰﾀ!$BJ$20:$BJ$65</definedName>
    <definedName name="_C0103">[1]ﾃﾞｰﾀ!$BK$20:$BK$65</definedName>
    <definedName name="_C0104">[1]ﾃﾞｰﾀ!$BL$20:$BL$65</definedName>
    <definedName name="_C0105">[1]ﾃﾞｰﾀ!$BM$20:$BM$65</definedName>
    <definedName name="_C0106">[1]ﾃﾞｰﾀ!$BN$20:$BN$65</definedName>
    <definedName name="_C0108">[1]ﾃﾞｰﾀ!$BO$20:$BO$65</definedName>
    <definedName name="_C1138">[1]ﾃﾞｰﾀ!$BP$20:$BP$65</definedName>
    <definedName name="_C1254">[1]ﾃﾞｰﾀ!$BQ$20:$BQ$65</definedName>
    <definedName name="_C1266">[1]ﾃﾞｰﾀ!$BR$20:$BR$65</definedName>
    <definedName name="_xlnm.Print_Area" localSheetId="0">'14'!$A$1:$K$39</definedName>
    <definedName name="_xlnm.Print_Titles" localSheetId="0">'14'!$A:$A</definedName>
  </definedNames>
  <calcPr calcId="152511"/>
</workbook>
</file>

<file path=xl/sharedStrings.xml><?xml version="1.0" encoding="utf-8"?>
<sst xmlns="http://schemas.openxmlformats.org/spreadsheetml/2006/main" count="57" uniqueCount="57">
  <si>
    <t>現在高</t>
    <rPh sb="0" eb="2">
      <t>ゲンザイ</t>
    </rPh>
    <rPh sb="2" eb="3">
      <t>ダカ</t>
    </rPh>
    <phoneticPr fontId="0"/>
  </si>
  <si>
    <t>発行額</t>
    <rPh sb="0" eb="3">
      <t>ハッコウガク</t>
    </rPh>
    <phoneticPr fontId="0"/>
  </si>
  <si>
    <t>元金</t>
    <rPh sb="0" eb="2">
      <t>ガンキン</t>
    </rPh>
    <phoneticPr fontId="0"/>
  </si>
  <si>
    <t>利子</t>
    <rPh sb="0" eb="2">
      <t>リシ</t>
    </rPh>
    <phoneticPr fontId="0"/>
  </si>
  <si>
    <t>計</t>
    <rPh sb="0" eb="1">
      <t>ケイ</t>
    </rPh>
    <phoneticPr fontId="0"/>
  </si>
  <si>
    <t>特定財源</t>
    <rPh sb="0" eb="2">
      <t>トクテイ</t>
    </rPh>
    <rPh sb="2" eb="4">
      <t>ザイゲン</t>
    </rPh>
    <phoneticPr fontId="0"/>
  </si>
  <si>
    <t>一般財源等</t>
    <rPh sb="0" eb="2">
      <t>イッパン</t>
    </rPh>
    <rPh sb="2" eb="4">
      <t>ザイゲン</t>
    </rPh>
    <rPh sb="4" eb="5">
      <t>トウ</t>
    </rPh>
    <phoneticPr fontId="0"/>
  </si>
  <si>
    <t>財源対策債</t>
  </si>
  <si>
    <t>現在高</t>
    <rPh sb="0" eb="2">
      <t>ゲンザイ</t>
    </rPh>
    <rPh sb="2" eb="3">
      <t>タカ</t>
    </rPh>
    <phoneticPr fontId="2"/>
  </si>
  <si>
    <t>Ａ</t>
  </si>
  <si>
    <t>Ｂ</t>
  </si>
  <si>
    <t>Ｃ</t>
  </si>
  <si>
    <t>Ｄ</t>
  </si>
  <si>
    <t>現在高</t>
    <phoneticPr fontId="2"/>
  </si>
  <si>
    <t>令和２年度末</t>
    <rPh sb="0" eb="2">
      <t>レイワ</t>
    </rPh>
    <rPh sb="3" eb="6">
      <t>ネンドマツ</t>
    </rPh>
    <phoneticPr fontId="0"/>
  </si>
  <si>
    <t>令和３年度</t>
    <rPh sb="0" eb="2">
      <t>レイワ</t>
    </rPh>
    <rPh sb="3" eb="5">
      <t>ネンド</t>
    </rPh>
    <phoneticPr fontId="0"/>
  </si>
  <si>
    <t>令和３年度元利償還額</t>
    <rPh sb="0" eb="2">
      <t>レイワ</t>
    </rPh>
    <rPh sb="3" eb="5">
      <t>ネンド</t>
    </rPh>
    <rPh sb="5" eb="7">
      <t>ガンリ</t>
    </rPh>
    <rPh sb="7" eb="10">
      <t>ショウカンガク</t>
    </rPh>
    <phoneticPr fontId="0"/>
  </si>
  <si>
    <t>令和３年度末</t>
    <rPh sb="0" eb="2">
      <t>レイワ</t>
    </rPh>
    <rPh sb="5" eb="6">
      <t>マツ</t>
    </rPh>
    <phoneticPr fontId="1"/>
  </si>
  <si>
    <t>令和３年度末</t>
    <rPh sb="0" eb="2">
      <t>レイワ</t>
    </rPh>
    <rPh sb="3" eb="6">
      <t>ネンドマツ</t>
    </rPh>
    <phoneticPr fontId="0"/>
  </si>
  <si>
    <t>調整額</t>
    <rPh sb="0" eb="2">
      <t>チョウセイ</t>
    </rPh>
    <rPh sb="2" eb="3">
      <t>ガク</t>
    </rPh>
    <phoneticPr fontId="2"/>
  </si>
  <si>
    <t>Ｅ</t>
    <phoneticPr fontId="2"/>
  </si>
  <si>
    <t>Ａ＋Ｂ+Ｃ-Ｄ</t>
    <phoneticPr fontId="2"/>
  </si>
  <si>
    <t>横浜市</t>
    <phoneticPr fontId="2"/>
  </si>
  <si>
    <t>川崎市</t>
    <phoneticPr fontId="2"/>
  </si>
  <si>
    <t>相模原市</t>
    <phoneticPr fontId="2"/>
  </si>
  <si>
    <t>横須賀市</t>
    <phoneticPr fontId="2"/>
  </si>
  <si>
    <t>平塚市</t>
    <phoneticPr fontId="2"/>
  </si>
  <si>
    <t>鎌倉市</t>
    <phoneticPr fontId="2"/>
  </si>
  <si>
    <t>藤沢市</t>
    <phoneticPr fontId="2"/>
  </si>
  <si>
    <t>小田原市</t>
    <phoneticPr fontId="2"/>
  </si>
  <si>
    <t>茅ヶ崎市</t>
    <phoneticPr fontId="2"/>
  </si>
  <si>
    <t>逗子市</t>
    <phoneticPr fontId="2"/>
  </si>
  <si>
    <t>三浦市</t>
    <phoneticPr fontId="2"/>
  </si>
  <si>
    <t>秦野市</t>
    <phoneticPr fontId="2"/>
  </si>
  <si>
    <t>厚木市</t>
    <phoneticPr fontId="2"/>
  </si>
  <si>
    <t>大和市</t>
    <phoneticPr fontId="2"/>
  </si>
  <si>
    <t>伊勢原市</t>
    <phoneticPr fontId="2"/>
  </si>
  <si>
    <t>海老名市</t>
    <phoneticPr fontId="2"/>
  </si>
  <si>
    <t>座間市</t>
    <phoneticPr fontId="2"/>
  </si>
  <si>
    <t>南足柄市</t>
    <phoneticPr fontId="2"/>
  </si>
  <si>
    <t>綾瀬市</t>
    <phoneticPr fontId="2"/>
  </si>
  <si>
    <t>葉山町</t>
    <phoneticPr fontId="2"/>
  </si>
  <si>
    <t>寒川町</t>
    <phoneticPr fontId="2"/>
  </si>
  <si>
    <t>大磯町</t>
    <phoneticPr fontId="2"/>
  </si>
  <si>
    <t>二宮町</t>
    <phoneticPr fontId="2"/>
  </si>
  <si>
    <t>中井町</t>
    <phoneticPr fontId="2"/>
  </si>
  <si>
    <t>大井町</t>
    <phoneticPr fontId="2"/>
  </si>
  <si>
    <t>松田町</t>
    <phoneticPr fontId="2"/>
  </si>
  <si>
    <t>山北町</t>
    <phoneticPr fontId="2"/>
  </si>
  <si>
    <t>開成町</t>
    <phoneticPr fontId="2"/>
  </si>
  <si>
    <t>箱根町</t>
    <phoneticPr fontId="2"/>
  </si>
  <si>
    <t>真鶴町</t>
    <phoneticPr fontId="2"/>
  </si>
  <si>
    <t>湯河原町</t>
    <phoneticPr fontId="2"/>
  </si>
  <si>
    <t>愛川町</t>
    <phoneticPr fontId="2"/>
  </si>
  <si>
    <t>清川村</t>
    <phoneticPr fontId="2"/>
  </si>
  <si>
    <t>市町村計</t>
    <phoneticPr fontId="2"/>
  </si>
  <si>
    <t>Ｅの財源内訳</t>
    <rPh sb="2" eb="4">
      <t>ザイゲン</t>
    </rPh>
    <rPh sb="4" eb="6">
      <t>ウチワケ</t>
    </rPh>
    <phoneticPr fontId="0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;&quot;▲ &quot;#,##0"/>
  </numFmts>
  <fonts count="5">
    <font>
      <sz val="12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9"/>
      <name val="ＭＳ ゴシック"/>
      <family val="3"/>
      <charset val="128"/>
    </font>
    <font>
      <sz val="9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</fills>
  <borders count="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</borders>
  <cellStyleXfs count="1">
    <xf numFmtId="0" fontId="0" fillId="0" borderId="0">
      <alignment vertical="center"/>
    </xf>
  </cellStyleXfs>
  <cellXfs count="20">
    <xf numFmtId="0" fontId="0" fillId="0" borderId="0" xfId="0">
      <alignment vertical="center"/>
    </xf>
    <xf numFmtId="0" fontId="3" fillId="0" borderId="1" xfId="0" applyNumberFormat="1" applyFont="1" applyBorder="1" applyAlignment="1">
      <alignment horizontal="center" vertical="center" shrinkToFit="1"/>
    </xf>
    <xf numFmtId="0" fontId="3" fillId="0" borderId="2" xfId="0" applyNumberFormat="1" applyFont="1" applyBorder="1" applyAlignment="1">
      <alignment horizontal="centerContinuous" vertical="center" shrinkToFit="1"/>
    </xf>
    <xf numFmtId="0" fontId="3" fillId="0" borderId="0" xfId="0" applyNumberFormat="1" applyFont="1" applyBorder="1" applyAlignment="1">
      <alignment horizontal="center" vertical="center" shrinkToFit="1"/>
    </xf>
    <xf numFmtId="0" fontId="3" fillId="0" borderId="3" xfId="0" applyNumberFormat="1" applyFont="1" applyBorder="1" applyAlignment="1">
      <alignment horizontal="center" vertical="center" shrinkToFit="1"/>
    </xf>
    <xf numFmtId="0" fontId="4" fillId="0" borderId="3" xfId="0" applyNumberFormat="1" applyFont="1" applyBorder="1" applyAlignment="1">
      <alignment horizontal="center" vertical="center" shrinkToFit="1"/>
    </xf>
    <xf numFmtId="0" fontId="3" fillId="0" borderId="4" xfId="0" applyNumberFormat="1" applyFont="1" applyBorder="1" applyAlignment="1">
      <alignment horizontal="center" vertical="center" shrinkToFit="1"/>
    </xf>
    <xf numFmtId="0" fontId="3" fillId="0" borderId="5" xfId="0" applyFont="1" applyBorder="1" applyAlignment="1">
      <alignment horizontal="center" vertical="center"/>
    </xf>
    <xf numFmtId="176" fontId="3" fillId="0" borderId="5" xfId="0" applyNumberFormat="1" applyFont="1" applyBorder="1" applyAlignment="1">
      <alignment vertical="center" shrinkToFit="1"/>
    </xf>
    <xf numFmtId="176" fontId="3" fillId="0" borderId="0" xfId="0" applyNumberFormat="1" applyFont="1" applyAlignment="1">
      <alignment vertical="center" shrinkToFit="1"/>
    </xf>
    <xf numFmtId="0" fontId="3" fillId="0" borderId="6" xfId="0" applyFont="1" applyBorder="1" applyAlignment="1">
      <alignment horizontal="center" vertical="center"/>
    </xf>
    <xf numFmtId="176" fontId="3" fillId="0" borderId="6" xfId="0" applyNumberFormat="1" applyFont="1" applyBorder="1" applyAlignment="1">
      <alignment vertical="center" shrinkToFit="1"/>
    </xf>
    <xf numFmtId="176" fontId="3" fillId="0" borderId="0" xfId="0" applyNumberFormat="1" applyFont="1" applyBorder="1" applyAlignment="1">
      <alignment vertical="center" shrinkToFit="1"/>
    </xf>
    <xf numFmtId="0" fontId="3" fillId="0" borderId="7" xfId="0" applyFont="1" applyBorder="1" applyAlignment="1">
      <alignment horizontal="center" vertical="center"/>
    </xf>
    <xf numFmtId="176" fontId="3" fillId="0" borderId="7" xfId="0" applyNumberFormat="1" applyFont="1" applyBorder="1" applyAlignment="1">
      <alignment vertical="center" shrinkToFit="1"/>
    </xf>
    <xf numFmtId="0" fontId="3" fillId="2" borderId="2" xfId="0" applyFont="1" applyFill="1" applyBorder="1" applyAlignment="1">
      <alignment horizontal="center" vertical="center"/>
    </xf>
    <xf numFmtId="176" fontId="3" fillId="2" borderId="2" xfId="0" applyNumberFormat="1" applyFont="1" applyFill="1" applyBorder="1" applyAlignment="1">
      <alignment vertical="center" shrinkToFit="1"/>
    </xf>
    <xf numFmtId="0" fontId="3" fillId="0" borderId="0" xfId="0" applyFont="1" applyAlignment="1">
      <alignment horizontal="center" vertical="center"/>
    </xf>
    <xf numFmtId="0" fontId="3" fillId="0" borderId="8" xfId="0" applyFont="1" applyBorder="1" applyAlignment="1">
      <alignment horizontal="center" vertical="center"/>
    </xf>
    <xf numFmtId="176" fontId="3" fillId="0" borderId="8" xfId="0" applyNumberFormat="1" applyFont="1" applyBorder="1" applyAlignment="1">
      <alignment vertical="center" shrinkToFi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1.106.1\zaiseiG\&#36001;&#25919;&#29677;\002_&#20104;&#31639;&#12539;&#27770;&#31639;&#38306;&#20418;\009&#21047;&#29289;&#39006;\005&#31246;&#36001;&#25919;&#20107;&#24773;&#27010;&#35201;\H23&#24180;&#24230;\06_&#20869;&#23481;&#20316;&#25104;&#65288;&#36001;&#25919;&#65319;&#65289;\99_&#12496;&#12483;&#12463;&#12487;&#12540;&#12479;\&#26222;&#36890;&#20132;&#20184;&#31246;\001000101&#31246;&#30446;&#21029;&#22522;&#28310;&#36001;&#25919;&#21454;&#20837;&#38989;&#19968;&#35239;&#34920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環境"/>
      <sheetName val="項目"/>
      <sheetName val="ﾃﾞｰﾀ"/>
      <sheetName val="ﾌﾗｸﾞ"/>
      <sheetName val="本年度"/>
      <sheetName val="前年度"/>
      <sheetName val="差"/>
      <sheetName val="率"/>
      <sheetName val="定数"/>
      <sheetName val="補正係数"/>
    </sheetNames>
    <sheetDataSet>
      <sheetData sheetId="0" refreshError="1"/>
      <sheetData sheetId="1" refreshError="1"/>
      <sheetData sheetId="2">
        <row r="20">
          <cell r="C20" t="str">
            <v>横浜市</v>
          </cell>
          <cell r="AM20">
            <v>4017391</v>
          </cell>
          <cell r="AN20">
            <v>9034613</v>
          </cell>
          <cell r="AO20">
            <v>208826353</v>
          </cell>
          <cell r="AP20">
            <v>22433823</v>
          </cell>
          <cell r="AQ20">
            <v>83480206</v>
          </cell>
          <cell r="AR20">
            <v>85896918</v>
          </cell>
          <cell r="AS20">
            <v>9535488</v>
          </cell>
          <cell r="AT20">
            <v>296551</v>
          </cell>
          <cell r="AU20">
            <v>0</v>
          </cell>
          <cell r="AV20">
            <v>19590802</v>
          </cell>
          <cell r="AW20">
            <v>1369527</v>
          </cell>
          <cell r="AX20">
            <v>14117203</v>
          </cell>
          <cell r="AY20">
            <v>0</v>
          </cell>
          <cell r="AZ20">
            <v>12534235</v>
          </cell>
          <cell r="BA20">
            <v>2237111</v>
          </cell>
          <cell r="BB20">
            <v>650544</v>
          </cell>
          <cell r="BC20">
            <v>277229</v>
          </cell>
          <cell r="BD20">
            <v>23269995</v>
          </cell>
          <cell r="BE20">
            <v>128294</v>
          </cell>
          <cell r="BF20">
            <v>4142131</v>
          </cell>
          <cell r="BG20">
            <v>7860316</v>
          </cell>
          <cell r="BH20">
            <v>897047</v>
          </cell>
          <cell r="BI20">
            <v>950321</v>
          </cell>
          <cell r="BJ20">
            <v>68428</v>
          </cell>
          <cell r="BK20">
            <v>4755365</v>
          </cell>
          <cell r="BL20">
            <v>0</v>
          </cell>
          <cell r="BM20">
            <v>1295838</v>
          </cell>
          <cell r="BN20">
            <v>0</v>
          </cell>
          <cell r="BO20">
            <v>3394152</v>
          </cell>
          <cell r="BP20">
            <v>1795755</v>
          </cell>
          <cell r="BQ20">
            <v>2310224</v>
          </cell>
          <cell r="BR20">
            <v>1257350</v>
          </cell>
        </row>
        <row r="21">
          <cell r="C21" t="str">
            <v>川崎市</v>
          </cell>
          <cell r="AM21">
            <v>1557788</v>
          </cell>
          <cell r="AN21">
            <v>3482888</v>
          </cell>
          <cell r="AO21">
            <v>80511561</v>
          </cell>
          <cell r="AP21">
            <v>5284093</v>
          </cell>
          <cell r="AQ21">
            <v>34349343</v>
          </cell>
          <cell r="AR21">
            <v>33444678</v>
          </cell>
          <cell r="AS21">
            <v>4849321</v>
          </cell>
          <cell r="AT21">
            <v>0</v>
          </cell>
          <cell r="AU21">
            <v>0</v>
          </cell>
          <cell r="AV21">
            <v>11651507</v>
          </cell>
          <cell r="AW21">
            <v>389685</v>
          </cell>
          <cell r="AX21">
            <v>5825379</v>
          </cell>
          <cell r="AY21">
            <v>0</v>
          </cell>
          <cell r="AZ21">
            <v>6063033</v>
          </cell>
          <cell r="BA21">
            <v>674194</v>
          </cell>
          <cell r="BB21">
            <v>241264</v>
          </cell>
          <cell r="BC21">
            <v>103307</v>
          </cell>
          <cell r="BD21">
            <v>8517637</v>
          </cell>
          <cell r="BE21">
            <v>31718</v>
          </cell>
          <cell r="BF21">
            <v>1467936</v>
          </cell>
          <cell r="BG21">
            <v>2895830</v>
          </cell>
          <cell r="BH21">
            <v>280714</v>
          </cell>
          <cell r="BI21">
            <v>431253</v>
          </cell>
          <cell r="BJ21">
            <v>28473</v>
          </cell>
          <cell r="BK21">
            <v>1672107</v>
          </cell>
          <cell r="BL21">
            <v>0</v>
          </cell>
          <cell r="BM21">
            <v>434597</v>
          </cell>
          <cell r="BN21">
            <v>0</v>
          </cell>
          <cell r="BO21">
            <v>1365453</v>
          </cell>
          <cell r="BP21">
            <v>706491</v>
          </cell>
          <cell r="BQ21">
            <v>821578</v>
          </cell>
          <cell r="BR21">
            <v>450534</v>
          </cell>
        </row>
        <row r="22">
          <cell r="C22" t="str">
            <v>相模原市</v>
          </cell>
          <cell r="AM22">
            <v>760769</v>
          </cell>
          <cell r="AN22">
            <v>1180539</v>
          </cell>
          <cell r="AO22">
            <v>32967723</v>
          </cell>
          <cell r="AP22">
            <v>815069</v>
          </cell>
          <cell r="AQ22">
            <v>13942598</v>
          </cell>
          <cell r="AR22">
            <v>12916196</v>
          </cell>
          <cell r="AS22">
            <v>1065477</v>
          </cell>
          <cell r="AT22">
            <v>0</v>
          </cell>
          <cell r="AU22">
            <v>0</v>
          </cell>
          <cell r="AV22">
            <v>3709957</v>
          </cell>
          <cell r="AW22">
            <v>465021</v>
          </cell>
          <cell r="AX22">
            <v>2752744</v>
          </cell>
          <cell r="AY22">
            <v>0</v>
          </cell>
          <cell r="AZ22">
            <v>2119604</v>
          </cell>
          <cell r="BA22">
            <v>280289</v>
          </cell>
          <cell r="BB22">
            <v>101309</v>
          </cell>
          <cell r="BC22">
            <v>43128</v>
          </cell>
          <cell r="BD22">
            <v>4411161</v>
          </cell>
          <cell r="BE22">
            <v>167654</v>
          </cell>
          <cell r="BF22">
            <v>859853</v>
          </cell>
          <cell r="BG22">
            <v>1982812</v>
          </cell>
          <cell r="BH22">
            <v>814705</v>
          </cell>
          <cell r="BI22">
            <v>0</v>
          </cell>
          <cell r="BJ22">
            <v>39188</v>
          </cell>
          <cell r="BK22">
            <v>1054205</v>
          </cell>
          <cell r="BL22">
            <v>0</v>
          </cell>
          <cell r="BM22">
            <v>301024</v>
          </cell>
          <cell r="BN22">
            <v>0</v>
          </cell>
          <cell r="BO22">
            <v>585136</v>
          </cell>
          <cell r="BP22">
            <v>402788</v>
          </cell>
          <cell r="BQ22">
            <v>772091</v>
          </cell>
          <cell r="BR22">
            <v>297067</v>
          </cell>
        </row>
        <row r="23">
          <cell r="C23" t="str">
            <v>旧相模原市</v>
          </cell>
          <cell r="AM23">
            <v>723628</v>
          </cell>
          <cell r="AN23">
            <v>1123426</v>
          </cell>
          <cell r="AO23">
            <v>31516782</v>
          </cell>
          <cell r="AP23">
            <v>800096</v>
          </cell>
          <cell r="AQ23">
            <v>13349161</v>
          </cell>
          <cell r="AR23">
            <v>12384391</v>
          </cell>
          <cell r="AS23">
            <v>979342</v>
          </cell>
          <cell r="AT23">
            <v>0</v>
          </cell>
          <cell r="AU23">
            <v>0</v>
          </cell>
          <cell r="AV23">
            <v>3613087</v>
          </cell>
          <cell r="AW23">
            <v>425548</v>
          </cell>
          <cell r="AX23">
            <v>2636687</v>
          </cell>
          <cell r="AY23">
            <v>0</v>
          </cell>
          <cell r="AZ23">
            <v>1947815</v>
          </cell>
          <cell r="BA23">
            <v>267827</v>
          </cell>
          <cell r="BB23">
            <v>96664</v>
          </cell>
          <cell r="BC23">
            <v>41168</v>
          </cell>
          <cell r="BD23">
            <v>4206464</v>
          </cell>
          <cell r="BE23">
            <v>81984</v>
          </cell>
          <cell r="BF23">
            <v>592365</v>
          </cell>
          <cell r="BG23">
            <v>0</v>
          </cell>
          <cell r="BH23">
            <v>635312</v>
          </cell>
          <cell r="BI23">
            <v>0</v>
          </cell>
          <cell r="BJ23">
            <v>0</v>
          </cell>
          <cell r="BK23">
            <v>957481</v>
          </cell>
          <cell r="BL23">
            <v>0</v>
          </cell>
          <cell r="BM23">
            <v>284379</v>
          </cell>
          <cell r="BN23">
            <v>0</v>
          </cell>
          <cell r="BO23">
            <v>556873</v>
          </cell>
          <cell r="BP23">
            <v>383333</v>
          </cell>
          <cell r="BQ23">
            <v>361237</v>
          </cell>
          <cell r="BR23">
            <v>182315</v>
          </cell>
        </row>
        <row r="24">
          <cell r="C24" t="str">
            <v>旧城山町</v>
          </cell>
          <cell r="AM24">
            <v>25635</v>
          </cell>
          <cell r="AN24">
            <v>40924</v>
          </cell>
          <cell r="AO24">
            <v>1064928</v>
          </cell>
          <cell r="AP24">
            <v>12111</v>
          </cell>
          <cell r="AQ24">
            <v>458484</v>
          </cell>
          <cell r="AR24">
            <v>348145</v>
          </cell>
          <cell r="AS24">
            <v>32403</v>
          </cell>
          <cell r="AT24">
            <v>0</v>
          </cell>
          <cell r="AU24">
            <v>0</v>
          </cell>
          <cell r="AV24">
            <v>71704</v>
          </cell>
          <cell r="AW24">
            <v>24380</v>
          </cell>
          <cell r="AX24">
            <v>80388</v>
          </cell>
          <cell r="AY24">
            <v>0</v>
          </cell>
          <cell r="AZ24">
            <v>0</v>
          </cell>
          <cell r="BA24">
            <v>9032</v>
          </cell>
          <cell r="BB24">
            <v>3362</v>
          </cell>
          <cell r="BC24">
            <v>1418</v>
          </cell>
          <cell r="BD24">
            <v>136087</v>
          </cell>
          <cell r="BE24">
            <v>52800</v>
          </cell>
          <cell r="BF24">
            <v>33539</v>
          </cell>
          <cell r="BG24">
            <v>0</v>
          </cell>
          <cell r="BH24">
            <v>158703</v>
          </cell>
          <cell r="BI24">
            <v>0</v>
          </cell>
          <cell r="BJ24">
            <v>0</v>
          </cell>
          <cell r="BK24">
            <v>54281</v>
          </cell>
          <cell r="BL24">
            <v>0</v>
          </cell>
          <cell r="BM24">
            <v>12285</v>
          </cell>
          <cell r="BN24">
            <v>0</v>
          </cell>
          <cell r="BO24">
            <v>19237</v>
          </cell>
          <cell r="BP24">
            <v>13242</v>
          </cell>
          <cell r="BQ24">
            <v>20480</v>
          </cell>
          <cell r="BR24">
            <v>10323</v>
          </cell>
        </row>
        <row r="25">
          <cell r="C25" t="str">
            <v>旧藤野町</v>
          </cell>
          <cell r="AM25">
            <v>11506</v>
          </cell>
          <cell r="AN25">
            <v>16531</v>
          </cell>
          <cell r="AO25">
            <v>386013</v>
          </cell>
          <cell r="AP25">
            <v>2862</v>
          </cell>
          <cell r="AQ25">
            <v>134953</v>
          </cell>
          <cell r="AR25">
            <v>183660</v>
          </cell>
          <cell r="AS25">
            <v>53732</v>
          </cell>
          <cell r="AT25">
            <v>0</v>
          </cell>
          <cell r="AU25">
            <v>0</v>
          </cell>
          <cell r="AV25">
            <v>25166</v>
          </cell>
          <cell r="AW25">
            <v>15093</v>
          </cell>
          <cell r="AX25">
            <v>35669</v>
          </cell>
          <cell r="AY25">
            <v>0</v>
          </cell>
          <cell r="AZ25">
            <v>0</v>
          </cell>
          <cell r="BA25">
            <v>3430</v>
          </cell>
          <cell r="BB25">
            <v>1283</v>
          </cell>
          <cell r="BC25">
            <v>542</v>
          </cell>
          <cell r="BD25">
            <v>68610</v>
          </cell>
          <cell r="BE25">
            <v>32870</v>
          </cell>
          <cell r="BF25">
            <v>26164</v>
          </cell>
          <cell r="BG25">
            <v>0</v>
          </cell>
          <cell r="BH25">
            <v>20690</v>
          </cell>
          <cell r="BI25">
            <v>0</v>
          </cell>
          <cell r="BJ25">
            <v>0</v>
          </cell>
          <cell r="BK25">
            <v>42443</v>
          </cell>
          <cell r="BL25">
            <v>0</v>
          </cell>
          <cell r="BM25">
            <v>4360</v>
          </cell>
          <cell r="BN25">
            <v>0</v>
          </cell>
          <cell r="BO25">
            <v>9026</v>
          </cell>
          <cell r="BP25">
            <v>6213</v>
          </cell>
          <cell r="BQ25">
            <v>16013</v>
          </cell>
          <cell r="BR25">
            <v>8052</v>
          </cell>
        </row>
        <row r="26">
          <cell r="C26" t="str">
            <v>相模原市</v>
          </cell>
          <cell r="AM26">
            <v>760769</v>
          </cell>
          <cell r="AN26">
            <v>1180539</v>
          </cell>
          <cell r="AO26">
            <v>32967723</v>
          </cell>
          <cell r="AP26">
            <v>815069</v>
          </cell>
          <cell r="AQ26">
            <v>13942598</v>
          </cell>
          <cell r="AR26">
            <v>12916196</v>
          </cell>
          <cell r="AS26">
            <v>1065477</v>
          </cell>
          <cell r="AT26">
            <v>0</v>
          </cell>
          <cell r="AU26">
            <v>0</v>
          </cell>
          <cell r="AV26">
            <v>3709957</v>
          </cell>
          <cell r="AW26">
            <v>465021</v>
          </cell>
          <cell r="AX26">
            <v>2752744</v>
          </cell>
          <cell r="AY26">
            <v>0</v>
          </cell>
          <cell r="AZ26">
            <v>2119604</v>
          </cell>
          <cell r="BA26">
            <v>280289</v>
          </cell>
          <cell r="BB26">
            <v>101309</v>
          </cell>
          <cell r="BC26">
            <v>43128</v>
          </cell>
          <cell r="BD26">
            <v>4411161</v>
          </cell>
          <cell r="BE26">
            <v>167654</v>
          </cell>
          <cell r="BF26">
            <v>859853</v>
          </cell>
          <cell r="BG26">
            <v>1982812</v>
          </cell>
          <cell r="BH26">
            <v>814705</v>
          </cell>
          <cell r="BI26">
            <v>0</v>
          </cell>
          <cell r="BJ26">
            <v>39188</v>
          </cell>
          <cell r="BK26">
            <v>1054205</v>
          </cell>
          <cell r="BL26">
            <v>0</v>
          </cell>
          <cell r="BM26">
            <v>301024</v>
          </cell>
          <cell r="BN26">
            <v>0</v>
          </cell>
          <cell r="BO26">
            <v>585136</v>
          </cell>
          <cell r="BP26">
            <v>402788</v>
          </cell>
          <cell r="BQ26">
            <v>772091</v>
          </cell>
          <cell r="BR26">
            <v>297067</v>
          </cell>
        </row>
        <row r="27">
          <cell r="C27" t="str">
            <v>旧１相模原市</v>
          </cell>
          <cell r="AM27">
            <v>683537</v>
          </cell>
          <cell r="AN27">
            <v>1060528</v>
          </cell>
          <cell r="AO27">
            <v>30123331</v>
          </cell>
          <cell r="AP27">
            <v>785301</v>
          </cell>
          <cell r="AQ27">
            <v>12801093</v>
          </cell>
          <cell r="AR27">
            <v>11773940</v>
          </cell>
          <cell r="AS27">
            <v>853689</v>
          </cell>
          <cell r="AT27">
            <v>0</v>
          </cell>
          <cell r="AU27">
            <v>0</v>
          </cell>
          <cell r="AV27">
            <v>3485979</v>
          </cell>
          <cell r="AW27">
            <v>368720</v>
          </cell>
          <cell r="AX27">
            <v>2498706</v>
          </cell>
          <cell r="AY27">
            <v>0</v>
          </cell>
          <cell r="AZ27">
            <v>1947815</v>
          </cell>
          <cell r="BA27">
            <v>255138</v>
          </cell>
          <cell r="BB27">
            <v>91832</v>
          </cell>
          <cell r="BC27">
            <v>39130</v>
          </cell>
          <cell r="BD27">
            <v>3955931</v>
          </cell>
          <cell r="BE27">
            <v>40550</v>
          </cell>
          <cell r="BF27">
            <v>533133</v>
          </cell>
          <cell r="BG27">
            <v>0</v>
          </cell>
          <cell r="BH27">
            <v>280053</v>
          </cell>
          <cell r="BI27">
            <v>0</v>
          </cell>
          <cell r="BJ27">
            <v>0</v>
          </cell>
          <cell r="BK27">
            <v>861472</v>
          </cell>
          <cell r="BL27">
            <v>0</v>
          </cell>
          <cell r="BM27">
            <v>267282</v>
          </cell>
          <cell r="BN27">
            <v>0</v>
          </cell>
          <cell r="BO27">
            <v>524313</v>
          </cell>
          <cell r="BP27">
            <v>360920</v>
          </cell>
          <cell r="BQ27">
            <v>325015</v>
          </cell>
          <cell r="BR27">
            <v>164085</v>
          </cell>
        </row>
        <row r="28">
          <cell r="C28" t="str">
            <v>旧１津久井町</v>
          </cell>
          <cell r="AM28">
            <v>29986</v>
          </cell>
          <cell r="AN28">
            <v>47321</v>
          </cell>
          <cell r="AO28">
            <v>1035349</v>
          </cell>
          <cell r="AP28">
            <v>13548</v>
          </cell>
          <cell r="AQ28">
            <v>412326</v>
          </cell>
          <cell r="AR28">
            <v>470706</v>
          </cell>
          <cell r="AS28">
            <v>64622</v>
          </cell>
          <cell r="AT28">
            <v>0</v>
          </cell>
          <cell r="AU28">
            <v>0</v>
          </cell>
          <cell r="AV28">
            <v>96479</v>
          </cell>
          <cell r="AW28">
            <v>44604</v>
          </cell>
          <cell r="AX28">
            <v>101194</v>
          </cell>
          <cell r="AY28">
            <v>0</v>
          </cell>
          <cell r="AZ28">
            <v>0</v>
          </cell>
          <cell r="BA28">
            <v>9517</v>
          </cell>
          <cell r="BB28">
            <v>3606</v>
          </cell>
          <cell r="BC28">
            <v>1526</v>
          </cell>
          <cell r="BD28">
            <v>184683</v>
          </cell>
          <cell r="BE28">
            <v>41434</v>
          </cell>
          <cell r="BF28">
            <v>38321</v>
          </cell>
          <cell r="BG28">
            <v>0</v>
          </cell>
          <cell r="BH28">
            <v>323214</v>
          </cell>
          <cell r="BI28">
            <v>0</v>
          </cell>
          <cell r="BJ28">
            <v>0</v>
          </cell>
          <cell r="BK28">
            <v>62117</v>
          </cell>
          <cell r="BL28">
            <v>0</v>
          </cell>
          <cell r="BM28">
            <v>11379</v>
          </cell>
          <cell r="BN28">
            <v>0</v>
          </cell>
          <cell r="BO28">
            <v>23931</v>
          </cell>
          <cell r="BP28">
            <v>16473</v>
          </cell>
          <cell r="BQ28">
            <v>23435</v>
          </cell>
          <cell r="BR28">
            <v>11794</v>
          </cell>
        </row>
        <row r="29">
          <cell r="C29" t="str">
            <v>旧１相模湖町</v>
          </cell>
          <cell r="AM29">
            <v>10106</v>
          </cell>
          <cell r="AN29">
            <v>15717</v>
          </cell>
          <cell r="AO29">
            <v>358102</v>
          </cell>
          <cell r="AP29">
            <v>1247</v>
          </cell>
          <cell r="AQ29">
            <v>135742</v>
          </cell>
          <cell r="AR29">
            <v>139745</v>
          </cell>
          <cell r="AS29">
            <v>61031</v>
          </cell>
          <cell r="AT29">
            <v>0</v>
          </cell>
          <cell r="AU29">
            <v>0</v>
          </cell>
          <cell r="AV29">
            <v>30629</v>
          </cell>
          <cell r="AW29">
            <v>12224</v>
          </cell>
          <cell r="AX29">
            <v>36787</v>
          </cell>
          <cell r="AY29">
            <v>0</v>
          </cell>
          <cell r="AZ29">
            <v>0</v>
          </cell>
          <cell r="BA29">
            <v>3172</v>
          </cell>
          <cell r="BB29">
            <v>1226</v>
          </cell>
          <cell r="BC29">
            <v>512</v>
          </cell>
          <cell r="BD29">
            <v>65850</v>
          </cell>
          <cell r="BE29">
            <v>0</v>
          </cell>
          <cell r="BF29">
            <v>20911</v>
          </cell>
          <cell r="BG29">
            <v>0</v>
          </cell>
          <cell r="BH29">
            <v>32045</v>
          </cell>
          <cell r="BI29">
            <v>0</v>
          </cell>
          <cell r="BJ29">
            <v>0</v>
          </cell>
          <cell r="BK29">
            <v>33892</v>
          </cell>
          <cell r="BL29">
            <v>0</v>
          </cell>
          <cell r="BM29">
            <v>5718</v>
          </cell>
          <cell r="BN29">
            <v>0</v>
          </cell>
          <cell r="BO29">
            <v>8629</v>
          </cell>
          <cell r="BP29">
            <v>5940</v>
          </cell>
          <cell r="BQ29">
            <v>12787</v>
          </cell>
          <cell r="BR29">
            <v>6436</v>
          </cell>
        </row>
        <row r="30">
          <cell r="C30" t="str">
            <v>旧城山町</v>
          </cell>
          <cell r="AM30">
            <v>25635</v>
          </cell>
          <cell r="AN30">
            <v>40924</v>
          </cell>
          <cell r="AO30">
            <v>1064928</v>
          </cell>
          <cell r="AP30">
            <v>12111</v>
          </cell>
          <cell r="AQ30">
            <v>458484</v>
          </cell>
          <cell r="AR30">
            <v>348145</v>
          </cell>
          <cell r="AS30">
            <v>32403</v>
          </cell>
          <cell r="AT30">
            <v>0</v>
          </cell>
          <cell r="AU30">
            <v>0</v>
          </cell>
          <cell r="AV30">
            <v>71704</v>
          </cell>
          <cell r="AW30">
            <v>24380</v>
          </cell>
          <cell r="AX30">
            <v>80388</v>
          </cell>
          <cell r="AY30">
            <v>0</v>
          </cell>
          <cell r="AZ30">
            <v>0</v>
          </cell>
          <cell r="BA30">
            <v>9032</v>
          </cell>
          <cell r="BB30">
            <v>3362</v>
          </cell>
          <cell r="BC30">
            <v>1418</v>
          </cell>
          <cell r="BD30">
            <v>136087</v>
          </cell>
          <cell r="BE30">
            <v>52800</v>
          </cell>
          <cell r="BF30">
            <v>33539</v>
          </cell>
          <cell r="BG30">
            <v>0</v>
          </cell>
          <cell r="BH30">
            <v>158703</v>
          </cell>
          <cell r="BI30">
            <v>0</v>
          </cell>
          <cell r="BJ30">
            <v>0</v>
          </cell>
          <cell r="BK30">
            <v>54281</v>
          </cell>
          <cell r="BL30">
            <v>0</v>
          </cell>
          <cell r="BM30">
            <v>12285</v>
          </cell>
          <cell r="BN30">
            <v>0</v>
          </cell>
          <cell r="BO30">
            <v>19237</v>
          </cell>
          <cell r="BP30">
            <v>13242</v>
          </cell>
          <cell r="BQ30">
            <v>20480</v>
          </cell>
          <cell r="BR30">
            <v>10323</v>
          </cell>
        </row>
        <row r="31">
          <cell r="C31" t="str">
            <v>旧藤野町</v>
          </cell>
          <cell r="AM31">
            <v>11506</v>
          </cell>
          <cell r="AN31">
            <v>16531</v>
          </cell>
          <cell r="AO31">
            <v>386013</v>
          </cell>
          <cell r="AP31">
            <v>2862</v>
          </cell>
          <cell r="AQ31">
            <v>134953</v>
          </cell>
          <cell r="AR31">
            <v>183660</v>
          </cell>
          <cell r="AS31">
            <v>53732</v>
          </cell>
          <cell r="AT31">
            <v>0</v>
          </cell>
          <cell r="AU31">
            <v>0</v>
          </cell>
          <cell r="AV31">
            <v>25166</v>
          </cell>
          <cell r="AW31">
            <v>15093</v>
          </cell>
          <cell r="AX31">
            <v>35669</v>
          </cell>
          <cell r="AY31">
            <v>0</v>
          </cell>
          <cell r="AZ31">
            <v>0</v>
          </cell>
          <cell r="BA31">
            <v>3430</v>
          </cell>
          <cell r="BB31">
            <v>1283</v>
          </cell>
          <cell r="BC31">
            <v>542</v>
          </cell>
          <cell r="BD31">
            <v>68610</v>
          </cell>
          <cell r="BE31">
            <v>32870</v>
          </cell>
          <cell r="BF31">
            <v>26164</v>
          </cell>
          <cell r="BG31">
            <v>0</v>
          </cell>
          <cell r="BH31">
            <v>20690</v>
          </cell>
          <cell r="BI31">
            <v>0</v>
          </cell>
          <cell r="BJ31">
            <v>0</v>
          </cell>
          <cell r="BK31">
            <v>42443</v>
          </cell>
          <cell r="BL31">
            <v>0</v>
          </cell>
          <cell r="BM31">
            <v>4360</v>
          </cell>
          <cell r="BN31">
            <v>0</v>
          </cell>
          <cell r="BO31">
            <v>9026</v>
          </cell>
          <cell r="BP31">
            <v>6213</v>
          </cell>
          <cell r="BQ31">
            <v>16013</v>
          </cell>
          <cell r="BR31">
            <v>8052</v>
          </cell>
        </row>
        <row r="32">
          <cell r="C32" t="str">
            <v>新１相模原市</v>
          </cell>
          <cell r="AM32">
            <v>723628</v>
          </cell>
          <cell r="AN32">
            <v>1123567</v>
          </cell>
          <cell r="AO32">
            <v>31516782</v>
          </cell>
          <cell r="AP32">
            <v>800096</v>
          </cell>
          <cell r="AQ32">
            <v>13349161</v>
          </cell>
          <cell r="AR32">
            <v>12384391</v>
          </cell>
          <cell r="AS32">
            <v>979342</v>
          </cell>
          <cell r="AT32">
            <v>0</v>
          </cell>
          <cell r="AU32">
            <v>0</v>
          </cell>
          <cell r="AV32">
            <v>3613087</v>
          </cell>
          <cell r="AW32">
            <v>425548</v>
          </cell>
          <cell r="AX32">
            <v>2636687</v>
          </cell>
          <cell r="AY32">
            <v>0</v>
          </cell>
          <cell r="AZ32">
            <v>1947815</v>
          </cell>
          <cell r="BA32">
            <v>267827</v>
          </cell>
          <cell r="BB32">
            <v>96664</v>
          </cell>
          <cell r="BC32">
            <v>41168</v>
          </cell>
          <cell r="BD32">
            <v>4206464</v>
          </cell>
          <cell r="BE32">
            <v>81984</v>
          </cell>
          <cell r="BF32">
            <v>592365</v>
          </cell>
          <cell r="BG32">
            <v>0</v>
          </cell>
          <cell r="BH32">
            <v>635312</v>
          </cell>
          <cell r="BI32">
            <v>0</v>
          </cell>
          <cell r="BJ32">
            <v>0</v>
          </cell>
          <cell r="BK32">
            <v>957481</v>
          </cell>
          <cell r="BL32">
            <v>0</v>
          </cell>
          <cell r="BM32">
            <v>284379</v>
          </cell>
          <cell r="BN32">
            <v>0</v>
          </cell>
          <cell r="BO32">
            <v>556873</v>
          </cell>
          <cell r="BP32">
            <v>383333</v>
          </cell>
          <cell r="BQ32">
            <v>361237</v>
          </cell>
          <cell r="BR32">
            <v>182315</v>
          </cell>
        </row>
        <row r="33">
          <cell r="C33" t="str">
            <v>旧１相模原市</v>
          </cell>
          <cell r="AM33">
            <v>683537</v>
          </cell>
          <cell r="AN33">
            <v>1060528</v>
          </cell>
          <cell r="AO33">
            <v>30123331</v>
          </cell>
          <cell r="AP33">
            <v>785301</v>
          </cell>
          <cell r="AQ33">
            <v>12801093</v>
          </cell>
          <cell r="AR33">
            <v>11773940</v>
          </cell>
          <cell r="AS33">
            <v>853689</v>
          </cell>
          <cell r="AT33">
            <v>0</v>
          </cell>
          <cell r="AU33">
            <v>0</v>
          </cell>
          <cell r="AV33">
            <v>3485979</v>
          </cell>
          <cell r="AW33">
            <v>368720</v>
          </cell>
          <cell r="AX33">
            <v>2498706</v>
          </cell>
          <cell r="AY33">
            <v>0</v>
          </cell>
          <cell r="AZ33">
            <v>1947815</v>
          </cell>
          <cell r="BA33">
            <v>255138</v>
          </cell>
          <cell r="BB33">
            <v>91832</v>
          </cell>
          <cell r="BC33">
            <v>39130</v>
          </cell>
          <cell r="BD33">
            <v>3955931</v>
          </cell>
          <cell r="BE33">
            <v>40550</v>
          </cell>
          <cell r="BF33">
            <v>533133</v>
          </cell>
          <cell r="BG33">
            <v>0</v>
          </cell>
          <cell r="BH33">
            <v>280053</v>
          </cell>
          <cell r="BI33">
            <v>0</v>
          </cell>
          <cell r="BJ33">
            <v>0</v>
          </cell>
          <cell r="BK33">
            <v>861472</v>
          </cell>
          <cell r="BL33">
            <v>0</v>
          </cell>
          <cell r="BM33">
            <v>267282</v>
          </cell>
          <cell r="BN33">
            <v>0</v>
          </cell>
          <cell r="BO33">
            <v>524313</v>
          </cell>
          <cell r="BP33">
            <v>360920</v>
          </cell>
          <cell r="BQ33">
            <v>325015</v>
          </cell>
          <cell r="BR33">
            <v>164085</v>
          </cell>
        </row>
        <row r="34">
          <cell r="C34" t="str">
            <v>旧１津久井町</v>
          </cell>
          <cell r="AM34">
            <v>29986</v>
          </cell>
          <cell r="AN34">
            <v>47321</v>
          </cell>
          <cell r="AO34">
            <v>1035349</v>
          </cell>
          <cell r="AP34">
            <v>13548</v>
          </cell>
          <cell r="AQ34">
            <v>412326</v>
          </cell>
          <cell r="AR34">
            <v>470706</v>
          </cell>
          <cell r="AS34">
            <v>64622</v>
          </cell>
          <cell r="AT34">
            <v>0</v>
          </cell>
          <cell r="AU34">
            <v>0</v>
          </cell>
          <cell r="AV34">
            <v>96479</v>
          </cell>
          <cell r="AW34">
            <v>44604</v>
          </cell>
          <cell r="AX34">
            <v>101194</v>
          </cell>
          <cell r="AY34">
            <v>0</v>
          </cell>
          <cell r="AZ34">
            <v>0</v>
          </cell>
          <cell r="BA34">
            <v>9517</v>
          </cell>
          <cell r="BB34">
            <v>3606</v>
          </cell>
          <cell r="BC34">
            <v>1526</v>
          </cell>
          <cell r="BD34">
            <v>184683</v>
          </cell>
          <cell r="BE34">
            <v>41434</v>
          </cell>
          <cell r="BF34">
            <v>38321</v>
          </cell>
          <cell r="BG34">
            <v>0</v>
          </cell>
          <cell r="BH34">
            <v>323214</v>
          </cell>
          <cell r="BI34">
            <v>0</v>
          </cell>
          <cell r="BJ34">
            <v>0</v>
          </cell>
          <cell r="BK34">
            <v>62117</v>
          </cell>
          <cell r="BL34">
            <v>0</v>
          </cell>
          <cell r="BM34">
            <v>11379</v>
          </cell>
          <cell r="BN34">
            <v>0</v>
          </cell>
          <cell r="BO34">
            <v>23931</v>
          </cell>
          <cell r="BP34">
            <v>16473</v>
          </cell>
          <cell r="BQ34">
            <v>23435</v>
          </cell>
          <cell r="BR34">
            <v>11794</v>
          </cell>
        </row>
        <row r="35">
          <cell r="C35" t="str">
            <v>旧１相模湖町</v>
          </cell>
          <cell r="AM35">
            <v>10106</v>
          </cell>
          <cell r="AN35">
            <v>15717</v>
          </cell>
          <cell r="AO35">
            <v>358102</v>
          </cell>
          <cell r="AP35">
            <v>1247</v>
          </cell>
          <cell r="AQ35">
            <v>135742</v>
          </cell>
          <cell r="AR35">
            <v>139745</v>
          </cell>
          <cell r="AS35">
            <v>61031</v>
          </cell>
          <cell r="AT35">
            <v>0</v>
          </cell>
          <cell r="AU35">
            <v>0</v>
          </cell>
          <cell r="AV35">
            <v>30629</v>
          </cell>
          <cell r="AW35">
            <v>12224</v>
          </cell>
          <cell r="AX35">
            <v>36787</v>
          </cell>
          <cell r="AY35">
            <v>0</v>
          </cell>
          <cell r="AZ35">
            <v>0</v>
          </cell>
          <cell r="BA35">
            <v>3172</v>
          </cell>
          <cell r="BB35">
            <v>1226</v>
          </cell>
          <cell r="BC35">
            <v>512</v>
          </cell>
          <cell r="BD35">
            <v>65850</v>
          </cell>
          <cell r="BE35">
            <v>0</v>
          </cell>
          <cell r="BF35">
            <v>20911</v>
          </cell>
          <cell r="BG35">
            <v>0</v>
          </cell>
          <cell r="BH35">
            <v>32045</v>
          </cell>
          <cell r="BI35">
            <v>0</v>
          </cell>
          <cell r="BJ35">
            <v>0</v>
          </cell>
          <cell r="BK35">
            <v>33892</v>
          </cell>
          <cell r="BL35">
            <v>0</v>
          </cell>
          <cell r="BM35">
            <v>5718</v>
          </cell>
          <cell r="BN35">
            <v>0</v>
          </cell>
          <cell r="BO35">
            <v>8629</v>
          </cell>
          <cell r="BP35">
            <v>5940</v>
          </cell>
          <cell r="BQ35">
            <v>12787</v>
          </cell>
          <cell r="BR35">
            <v>6436</v>
          </cell>
        </row>
        <row r="36">
          <cell r="C36" t="str">
            <v>横須賀市</v>
          </cell>
          <cell r="AM36">
            <v>454605</v>
          </cell>
          <cell r="AN36">
            <v>687947</v>
          </cell>
          <cell r="AO36">
            <v>18696504</v>
          </cell>
          <cell r="AP36">
            <v>3041004</v>
          </cell>
          <cell r="AQ36">
            <v>7002091</v>
          </cell>
          <cell r="AR36">
            <v>7447879</v>
          </cell>
          <cell r="AS36">
            <v>1200697</v>
          </cell>
          <cell r="AT36">
            <v>4</v>
          </cell>
          <cell r="AU36">
            <v>0</v>
          </cell>
          <cell r="AV36">
            <v>2439526</v>
          </cell>
          <cell r="AW36">
            <v>268120</v>
          </cell>
          <cell r="AX36">
            <v>1800941</v>
          </cell>
          <cell r="AY36">
            <v>0</v>
          </cell>
          <cell r="AZ36">
            <v>1212724</v>
          </cell>
          <cell r="BA36">
            <v>202677</v>
          </cell>
          <cell r="BB36">
            <v>58006</v>
          </cell>
          <cell r="BC36">
            <v>24641</v>
          </cell>
          <cell r="BD36">
            <v>2646715</v>
          </cell>
          <cell r="BE36">
            <v>19392</v>
          </cell>
          <cell r="BF36">
            <v>356015</v>
          </cell>
          <cell r="BG36">
            <v>0</v>
          </cell>
          <cell r="BH36">
            <v>192108</v>
          </cell>
          <cell r="BI36">
            <v>26080</v>
          </cell>
          <cell r="BJ36">
            <v>0</v>
          </cell>
          <cell r="BK36">
            <v>570665</v>
          </cell>
          <cell r="BL36">
            <v>0</v>
          </cell>
          <cell r="BM36">
            <v>72414</v>
          </cell>
          <cell r="BN36">
            <v>0</v>
          </cell>
          <cell r="BO36">
            <v>317286</v>
          </cell>
          <cell r="BP36">
            <v>226013</v>
          </cell>
          <cell r="BQ36">
            <v>215300</v>
          </cell>
          <cell r="BR36">
            <v>110006</v>
          </cell>
        </row>
        <row r="37">
          <cell r="C37" t="str">
            <v>平塚市</v>
          </cell>
          <cell r="AM37">
            <v>275662</v>
          </cell>
          <cell r="AN37">
            <v>562224</v>
          </cell>
          <cell r="AO37">
            <v>11799500</v>
          </cell>
          <cell r="AP37">
            <v>736999</v>
          </cell>
          <cell r="AQ37">
            <v>6767722</v>
          </cell>
          <cell r="AR37">
            <v>5202501</v>
          </cell>
          <cell r="AS37">
            <v>581409</v>
          </cell>
          <cell r="AT37">
            <v>225</v>
          </cell>
          <cell r="AU37">
            <v>0</v>
          </cell>
          <cell r="AV37">
            <v>1914895</v>
          </cell>
          <cell r="AW37">
            <v>207643</v>
          </cell>
          <cell r="AX37">
            <v>1158930</v>
          </cell>
          <cell r="AY37">
            <v>0</v>
          </cell>
          <cell r="AZ37">
            <v>0</v>
          </cell>
          <cell r="BA37">
            <v>99496</v>
          </cell>
          <cell r="BB37">
            <v>35926</v>
          </cell>
          <cell r="BC37">
            <v>15297</v>
          </cell>
          <cell r="BD37">
            <v>1826486</v>
          </cell>
          <cell r="BE37">
            <v>29952</v>
          </cell>
          <cell r="BF37">
            <v>237669</v>
          </cell>
          <cell r="BG37">
            <v>0</v>
          </cell>
          <cell r="BH37">
            <v>78523</v>
          </cell>
          <cell r="BI37">
            <v>0</v>
          </cell>
          <cell r="BJ37">
            <v>0</v>
          </cell>
          <cell r="BK37">
            <v>392478</v>
          </cell>
          <cell r="BL37">
            <v>0</v>
          </cell>
          <cell r="BM37">
            <v>56001</v>
          </cell>
          <cell r="BN37">
            <v>0</v>
          </cell>
          <cell r="BO37">
            <v>225087</v>
          </cell>
          <cell r="BP37">
            <v>145304</v>
          </cell>
          <cell r="BQ37">
            <v>148073</v>
          </cell>
          <cell r="BR37">
            <v>75080</v>
          </cell>
        </row>
        <row r="38">
          <cell r="C38" t="str">
            <v>鎌倉市</v>
          </cell>
          <cell r="AM38">
            <v>189513</v>
          </cell>
          <cell r="AN38">
            <v>390203</v>
          </cell>
          <cell r="AO38">
            <v>11300468</v>
          </cell>
          <cell r="AP38">
            <v>563494</v>
          </cell>
          <cell r="AQ38">
            <v>5185290</v>
          </cell>
          <cell r="AR38">
            <v>3499731</v>
          </cell>
          <cell r="AS38">
            <v>310807</v>
          </cell>
          <cell r="AT38">
            <v>43544</v>
          </cell>
          <cell r="AU38">
            <v>0</v>
          </cell>
          <cell r="AV38">
            <v>762681</v>
          </cell>
          <cell r="AW38">
            <v>74551</v>
          </cell>
          <cell r="AX38">
            <v>532370</v>
          </cell>
          <cell r="AY38">
            <v>0</v>
          </cell>
          <cell r="AZ38">
            <v>0</v>
          </cell>
          <cell r="BA38">
            <v>103101</v>
          </cell>
          <cell r="BB38">
            <v>37512</v>
          </cell>
          <cell r="BC38">
            <v>15937</v>
          </cell>
          <cell r="BD38">
            <v>1125195</v>
          </cell>
          <cell r="BE38">
            <v>23194</v>
          </cell>
          <cell r="BF38">
            <v>145685</v>
          </cell>
          <cell r="BG38">
            <v>0</v>
          </cell>
          <cell r="BH38">
            <v>19826</v>
          </cell>
          <cell r="BI38">
            <v>0</v>
          </cell>
          <cell r="BJ38">
            <v>0</v>
          </cell>
          <cell r="BK38">
            <v>239321</v>
          </cell>
          <cell r="BL38">
            <v>0</v>
          </cell>
          <cell r="BM38">
            <v>29517</v>
          </cell>
          <cell r="BN38">
            <v>59368</v>
          </cell>
          <cell r="BO38">
            <v>154781</v>
          </cell>
          <cell r="BP38">
            <v>75674</v>
          </cell>
          <cell r="BQ38">
            <v>90291</v>
          </cell>
          <cell r="BR38">
            <v>45660</v>
          </cell>
        </row>
        <row r="39">
          <cell r="C39" t="str">
            <v>藤沢市</v>
          </cell>
          <cell r="AM39">
            <v>438261</v>
          </cell>
          <cell r="AN39">
            <v>860108</v>
          </cell>
          <cell r="AO39">
            <v>21793234</v>
          </cell>
          <cell r="AP39">
            <v>742449</v>
          </cell>
          <cell r="AQ39">
            <v>10641960</v>
          </cell>
          <cell r="AR39">
            <v>8203916</v>
          </cell>
          <cell r="AS39">
            <v>738089</v>
          </cell>
          <cell r="AT39">
            <v>26818</v>
          </cell>
          <cell r="AU39">
            <v>0</v>
          </cell>
          <cell r="AV39">
            <v>2365355</v>
          </cell>
          <cell r="AW39">
            <v>221450</v>
          </cell>
          <cell r="AX39">
            <v>1475680</v>
          </cell>
          <cell r="AY39">
            <v>0</v>
          </cell>
          <cell r="AZ39">
            <v>1588216</v>
          </cell>
          <cell r="BA39">
            <v>187671</v>
          </cell>
          <cell r="BB39">
            <v>68231</v>
          </cell>
          <cell r="BC39">
            <v>28990</v>
          </cell>
          <cell r="BD39">
            <v>2662802</v>
          </cell>
          <cell r="BE39">
            <v>16704</v>
          </cell>
          <cell r="BF39">
            <v>357910</v>
          </cell>
          <cell r="BG39">
            <v>0</v>
          </cell>
          <cell r="BH39">
            <v>83260</v>
          </cell>
          <cell r="BI39">
            <v>0</v>
          </cell>
          <cell r="BJ39">
            <v>0</v>
          </cell>
          <cell r="BK39">
            <v>584014</v>
          </cell>
          <cell r="BL39">
            <v>0</v>
          </cell>
          <cell r="BM39">
            <v>79058</v>
          </cell>
          <cell r="BN39">
            <v>0</v>
          </cell>
          <cell r="BO39">
            <v>377619</v>
          </cell>
          <cell r="BP39">
            <v>224801</v>
          </cell>
          <cell r="BQ39">
            <v>220337</v>
          </cell>
          <cell r="BR39">
            <v>111565</v>
          </cell>
        </row>
        <row r="40">
          <cell r="C40" t="str">
            <v>小田原市</v>
          </cell>
          <cell r="AM40">
            <v>210297</v>
          </cell>
          <cell r="AN40">
            <v>485394</v>
          </cell>
          <cell r="AO40">
            <v>8616429</v>
          </cell>
          <cell r="AP40">
            <v>641749</v>
          </cell>
          <cell r="AQ40">
            <v>5045704</v>
          </cell>
          <cell r="AR40">
            <v>4211581</v>
          </cell>
          <cell r="AS40">
            <v>979418</v>
          </cell>
          <cell r="AT40">
            <v>68243</v>
          </cell>
          <cell r="AU40">
            <v>0</v>
          </cell>
          <cell r="AV40">
            <v>1228872</v>
          </cell>
          <cell r="AW40">
            <v>178431</v>
          </cell>
          <cell r="AX40">
            <v>835687</v>
          </cell>
          <cell r="AY40">
            <v>0</v>
          </cell>
          <cell r="AZ40">
            <v>0</v>
          </cell>
          <cell r="BA40">
            <v>73020</v>
          </cell>
          <cell r="BB40">
            <v>26791</v>
          </cell>
          <cell r="BC40">
            <v>11332</v>
          </cell>
          <cell r="BD40">
            <v>1399648</v>
          </cell>
          <cell r="BE40">
            <v>15206</v>
          </cell>
          <cell r="BF40">
            <v>187103</v>
          </cell>
          <cell r="BG40">
            <v>0</v>
          </cell>
          <cell r="BH40">
            <v>27258</v>
          </cell>
          <cell r="BI40">
            <v>0</v>
          </cell>
          <cell r="BJ40">
            <v>0</v>
          </cell>
          <cell r="BK40">
            <v>299949</v>
          </cell>
          <cell r="BL40">
            <v>0</v>
          </cell>
          <cell r="BM40">
            <v>37413</v>
          </cell>
          <cell r="BN40">
            <v>0</v>
          </cell>
          <cell r="BO40">
            <v>185905</v>
          </cell>
          <cell r="BP40">
            <v>84266</v>
          </cell>
          <cell r="BQ40">
            <v>113163</v>
          </cell>
          <cell r="BR40">
            <v>56972</v>
          </cell>
        </row>
        <row r="41">
          <cell r="C41" t="str">
            <v>茅ケ崎市</v>
          </cell>
          <cell r="AM41">
            <v>247785</v>
          </cell>
          <cell r="AN41">
            <v>345812</v>
          </cell>
          <cell r="AO41">
            <v>11644851</v>
          </cell>
          <cell r="AP41">
            <v>246749</v>
          </cell>
          <cell r="AQ41">
            <v>4814230</v>
          </cell>
          <cell r="AR41">
            <v>3650690</v>
          </cell>
          <cell r="AS41">
            <v>308778</v>
          </cell>
          <cell r="AT41">
            <v>72</v>
          </cell>
          <cell r="AU41">
            <v>0</v>
          </cell>
          <cell r="AV41">
            <v>829606</v>
          </cell>
          <cell r="AW41">
            <v>132477</v>
          </cell>
          <cell r="AX41">
            <v>709234</v>
          </cell>
          <cell r="AY41">
            <v>0</v>
          </cell>
          <cell r="AZ41">
            <v>0</v>
          </cell>
          <cell r="BA41">
            <v>100597</v>
          </cell>
          <cell r="BB41">
            <v>36500</v>
          </cell>
          <cell r="BC41">
            <v>15518</v>
          </cell>
          <cell r="BD41">
            <v>1246556</v>
          </cell>
          <cell r="BE41">
            <v>41088</v>
          </cell>
          <cell r="BF41">
            <v>176657</v>
          </cell>
          <cell r="BG41">
            <v>0</v>
          </cell>
          <cell r="BH41">
            <v>73427</v>
          </cell>
          <cell r="BI41">
            <v>0</v>
          </cell>
          <cell r="BJ41">
            <v>0</v>
          </cell>
          <cell r="BK41">
            <v>293297</v>
          </cell>
          <cell r="BL41">
            <v>0</v>
          </cell>
          <cell r="BM41">
            <v>34662</v>
          </cell>
          <cell r="BN41">
            <v>0</v>
          </cell>
          <cell r="BO41">
            <v>208562</v>
          </cell>
          <cell r="BP41">
            <v>151422</v>
          </cell>
          <cell r="BQ41">
            <v>110655</v>
          </cell>
          <cell r="BR41">
            <v>55885</v>
          </cell>
        </row>
        <row r="42">
          <cell r="C42" t="str">
            <v>逗子市</v>
          </cell>
          <cell r="AM42">
            <v>64046</v>
          </cell>
          <cell r="AN42">
            <v>101558</v>
          </cell>
          <cell r="AO42">
            <v>3591868</v>
          </cell>
          <cell r="AP42">
            <v>70026</v>
          </cell>
          <cell r="AQ42">
            <v>1248764</v>
          </cell>
          <cell r="AR42">
            <v>1032727</v>
          </cell>
          <cell r="AS42">
            <v>142205</v>
          </cell>
          <cell r="AT42">
            <v>449</v>
          </cell>
          <cell r="AU42">
            <v>0</v>
          </cell>
          <cell r="AV42">
            <v>74249</v>
          </cell>
          <cell r="AW42">
            <v>27034</v>
          </cell>
          <cell r="AX42">
            <v>167962</v>
          </cell>
          <cell r="AY42">
            <v>0</v>
          </cell>
          <cell r="AZ42">
            <v>0</v>
          </cell>
          <cell r="BA42">
            <v>33516</v>
          </cell>
          <cell r="BB42">
            <v>12185</v>
          </cell>
          <cell r="BC42">
            <v>5165</v>
          </cell>
          <cell r="BD42">
            <v>304298</v>
          </cell>
          <cell r="BE42">
            <v>0</v>
          </cell>
          <cell r="BF42">
            <v>51074</v>
          </cell>
          <cell r="BG42">
            <v>0</v>
          </cell>
          <cell r="BH42">
            <v>20268</v>
          </cell>
          <cell r="BI42">
            <v>0</v>
          </cell>
          <cell r="BJ42">
            <v>0</v>
          </cell>
          <cell r="BK42">
            <v>83064</v>
          </cell>
          <cell r="BL42">
            <v>0</v>
          </cell>
          <cell r="BM42">
            <v>9378</v>
          </cell>
          <cell r="BN42">
            <v>0</v>
          </cell>
          <cell r="BO42">
            <v>50720</v>
          </cell>
          <cell r="BP42">
            <v>28022</v>
          </cell>
          <cell r="BQ42">
            <v>31337</v>
          </cell>
          <cell r="BR42">
            <v>15793</v>
          </cell>
        </row>
        <row r="43">
          <cell r="C43" t="str">
            <v>三浦市</v>
          </cell>
          <cell r="AM43">
            <v>52589</v>
          </cell>
          <cell r="AN43">
            <v>81834</v>
          </cell>
          <cell r="AO43">
            <v>1911045</v>
          </cell>
          <cell r="AP43">
            <v>70660</v>
          </cell>
          <cell r="AQ43">
            <v>1120968</v>
          </cell>
          <cell r="AR43">
            <v>830318</v>
          </cell>
          <cell r="AS43">
            <v>105480</v>
          </cell>
          <cell r="AT43">
            <v>0</v>
          </cell>
          <cell r="AU43">
            <v>0</v>
          </cell>
          <cell r="AV43">
            <v>70280</v>
          </cell>
          <cell r="AW43">
            <v>57044</v>
          </cell>
          <cell r="AX43">
            <v>200814</v>
          </cell>
          <cell r="AY43">
            <v>0</v>
          </cell>
          <cell r="AZ43">
            <v>0</v>
          </cell>
          <cell r="BA43">
            <v>21234</v>
          </cell>
          <cell r="BB43">
            <v>6061</v>
          </cell>
          <cell r="BC43">
            <v>2570</v>
          </cell>
          <cell r="BD43">
            <v>289261</v>
          </cell>
          <cell r="BE43">
            <v>0</v>
          </cell>
          <cell r="BF43">
            <v>62607</v>
          </cell>
          <cell r="BG43">
            <v>0</v>
          </cell>
          <cell r="BH43">
            <v>16243</v>
          </cell>
          <cell r="BI43">
            <v>0</v>
          </cell>
          <cell r="BJ43">
            <v>0</v>
          </cell>
          <cell r="BK43">
            <v>101350</v>
          </cell>
          <cell r="BL43">
            <v>0</v>
          </cell>
          <cell r="BM43">
            <v>8690</v>
          </cell>
          <cell r="BN43">
            <v>0</v>
          </cell>
          <cell r="BO43">
            <v>41156</v>
          </cell>
          <cell r="BP43">
            <v>18728</v>
          </cell>
          <cell r="BQ43">
            <v>38235</v>
          </cell>
          <cell r="BR43">
            <v>19233</v>
          </cell>
        </row>
        <row r="44">
          <cell r="C44" t="str">
            <v>秦野市</v>
          </cell>
          <cell r="AM44">
            <v>174905</v>
          </cell>
          <cell r="AN44">
            <v>273766</v>
          </cell>
          <cell r="AO44">
            <v>7384482</v>
          </cell>
          <cell r="AP44">
            <v>355603</v>
          </cell>
          <cell r="AQ44">
            <v>3270077</v>
          </cell>
          <cell r="AR44">
            <v>2963038</v>
          </cell>
          <cell r="AS44">
            <v>424135</v>
          </cell>
          <cell r="AT44">
            <v>10382</v>
          </cell>
          <cell r="AU44">
            <v>0</v>
          </cell>
          <cell r="AV44">
            <v>852516</v>
          </cell>
          <cell r="AW44">
            <v>147140</v>
          </cell>
          <cell r="AX44">
            <v>653093</v>
          </cell>
          <cell r="AY44">
            <v>0</v>
          </cell>
          <cell r="AZ44">
            <v>0</v>
          </cell>
          <cell r="BA44">
            <v>61819</v>
          </cell>
          <cell r="BB44">
            <v>22640</v>
          </cell>
          <cell r="BC44">
            <v>9587</v>
          </cell>
          <cell r="BD44">
            <v>1014071</v>
          </cell>
          <cell r="BE44">
            <v>74957</v>
          </cell>
          <cell r="BF44">
            <v>157601</v>
          </cell>
          <cell r="BG44">
            <v>0</v>
          </cell>
          <cell r="BH44">
            <v>19787</v>
          </cell>
          <cell r="BI44">
            <v>0</v>
          </cell>
          <cell r="BJ44">
            <v>0</v>
          </cell>
          <cell r="BK44">
            <v>252743</v>
          </cell>
          <cell r="BL44">
            <v>0</v>
          </cell>
          <cell r="BM44">
            <v>28945</v>
          </cell>
          <cell r="BN44">
            <v>0</v>
          </cell>
          <cell r="BO44">
            <v>125260</v>
          </cell>
          <cell r="BP44">
            <v>81047</v>
          </cell>
          <cell r="BQ44">
            <v>95354</v>
          </cell>
          <cell r="BR44">
            <v>48237</v>
          </cell>
        </row>
        <row r="45">
          <cell r="C45" t="str">
            <v>厚木市</v>
          </cell>
          <cell r="AM45">
            <v>244863</v>
          </cell>
          <cell r="AN45">
            <v>756954</v>
          </cell>
          <cell r="AO45">
            <v>10922803</v>
          </cell>
          <cell r="AP45">
            <v>0</v>
          </cell>
          <cell r="AQ45">
            <v>6130429</v>
          </cell>
          <cell r="AR45">
            <v>6450592</v>
          </cell>
          <cell r="AS45">
            <v>340130</v>
          </cell>
          <cell r="AT45">
            <v>40</v>
          </cell>
          <cell r="AU45">
            <v>0</v>
          </cell>
          <cell r="AV45">
            <v>2436559</v>
          </cell>
          <cell r="AW45">
            <v>195661</v>
          </cell>
          <cell r="AX45">
            <v>1093427</v>
          </cell>
          <cell r="AY45">
            <v>0</v>
          </cell>
          <cell r="AZ45">
            <v>0</v>
          </cell>
          <cell r="BA45">
            <v>90799</v>
          </cell>
          <cell r="BB45">
            <v>33041</v>
          </cell>
          <cell r="BC45">
            <v>14048</v>
          </cell>
          <cell r="BD45">
            <v>1912568</v>
          </cell>
          <cell r="BE45">
            <v>118349</v>
          </cell>
          <cell r="BF45">
            <v>263258</v>
          </cell>
          <cell r="BG45">
            <v>0</v>
          </cell>
          <cell r="BH45">
            <v>77265</v>
          </cell>
          <cell r="BI45">
            <v>0</v>
          </cell>
          <cell r="BJ45">
            <v>0</v>
          </cell>
          <cell r="BK45">
            <v>422141</v>
          </cell>
          <cell r="BL45">
            <v>0</v>
          </cell>
          <cell r="BM45">
            <v>57434</v>
          </cell>
          <cell r="BN45">
            <v>0</v>
          </cell>
          <cell r="BO45">
            <v>211492</v>
          </cell>
          <cell r="BP45">
            <v>125886</v>
          </cell>
          <cell r="BQ45">
            <v>159264</v>
          </cell>
          <cell r="BR45">
            <v>80504</v>
          </cell>
        </row>
        <row r="46">
          <cell r="C46" t="str">
            <v>大和市</v>
          </cell>
          <cell r="AM46">
            <v>246693</v>
          </cell>
          <cell r="AN46">
            <v>497694</v>
          </cell>
          <cell r="AO46">
            <v>10961408</v>
          </cell>
          <cell r="AP46">
            <v>519078</v>
          </cell>
          <cell r="AQ46">
            <v>4880290</v>
          </cell>
          <cell r="AR46">
            <v>4081849</v>
          </cell>
          <cell r="AS46">
            <v>336719</v>
          </cell>
          <cell r="AT46">
            <v>52032</v>
          </cell>
          <cell r="AU46">
            <v>0</v>
          </cell>
          <cell r="AV46">
            <v>906451</v>
          </cell>
          <cell r="AW46">
            <v>112201</v>
          </cell>
          <cell r="AX46">
            <v>1111409</v>
          </cell>
          <cell r="AY46">
            <v>0</v>
          </cell>
          <cell r="AZ46">
            <v>0</v>
          </cell>
          <cell r="BA46">
            <v>93121</v>
          </cell>
          <cell r="BB46">
            <v>33761</v>
          </cell>
          <cell r="BC46">
            <v>14334</v>
          </cell>
          <cell r="BD46">
            <v>1419588</v>
          </cell>
          <cell r="BE46">
            <v>11482</v>
          </cell>
          <cell r="BF46">
            <v>192132</v>
          </cell>
          <cell r="BG46">
            <v>0</v>
          </cell>
          <cell r="BH46">
            <v>81998</v>
          </cell>
          <cell r="BI46">
            <v>0</v>
          </cell>
          <cell r="BJ46">
            <v>0</v>
          </cell>
          <cell r="BK46">
            <v>309952</v>
          </cell>
          <cell r="BL46">
            <v>0</v>
          </cell>
          <cell r="BM46">
            <v>46781</v>
          </cell>
          <cell r="BN46">
            <v>0</v>
          </cell>
          <cell r="BO46">
            <v>199355</v>
          </cell>
          <cell r="BP46">
            <v>137180</v>
          </cell>
          <cell r="BQ46">
            <v>116940</v>
          </cell>
          <cell r="BR46">
            <v>59507</v>
          </cell>
        </row>
        <row r="47">
          <cell r="C47" t="str">
            <v>伊勢原市</v>
          </cell>
          <cell r="AM47">
            <v>108667</v>
          </cell>
          <cell r="AN47">
            <v>243024</v>
          </cell>
          <cell r="AO47">
            <v>4788489</v>
          </cell>
          <cell r="AP47">
            <v>93662</v>
          </cell>
          <cell r="AQ47">
            <v>2184567</v>
          </cell>
          <cell r="AR47">
            <v>2156699</v>
          </cell>
          <cell r="AS47">
            <v>240484</v>
          </cell>
          <cell r="AT47">
            <v>650</v>
          </cell>
          <cell r="AU47">
            <v>0</v>
          </cell>
          <cell r="AV47">
            <v>722016</v>
          </cell>
          <cell r="AW47">
            <v>86118</v>
          </cell>
          <cell r="AX47">
            <v>397657</v>
          </cell>
          <cell r="AY47">
            <v>0</v>
          </cell>
          <cell r="AZ47">
            <v>0</v>
          </cell>
          <cell r="BA47">
            <v>41004</v>
          </cell>
          <cell r="BB47">
            <v>14906</v>
          </cell>
          <cell r="BC47">
            <v>6338</v>
          </cell>
          <cell r="BD47">
            <v>678843</v>
          </cell>
          <cell r="BE47">
            <v>13363</v>
          </cell>
          <cell r="BF47">
            <v>100658</v>
          </cell>
          <cell r="BG47">
            <v>0</v>
          </cell>
          <cell r="BH47">
            <v>31996</v>
          </cell>
          <cell r="BI47">
            <v>0</v>
          </cell>
          <cell r="BJ47">
            <v>0</v>
          </cell>
          <cell r="BK47">
            <v>166450</v>
          </cell>
          <cell r="BL47">
            <v>0</v>
          </cell>
          <cell r="BM47">
            <v>20588</v>
          </cell>
          <cell r="BN47">
            <v>0</v>
          </cell>
          <cell r="BO47">
            <v>87666</v>
          </cell>
          <cell r="BP47">
            <v>48400</v>
          </cell>
          <cell r="BQ47">
            <v>62798</v>
          </cell>
          <cell r="BR47">
            <v>32181</v>
          </cell>
        </row>
        <row r="48">
          <cell r="C48" t="str">
            <v>海老名市</v>
          </cell>
          <cell r="AM48">
            <v>138657</v>
          </cell>
          <cell r="AN48">
            <v>298697</v>
          </cell>
          <cell r="AO48">
            <v>6326737</v>
          </cell>
          <cell r="AP48">
            <v>0</v>
          </cell>
          <cell r="AQ48">
            <v>2964941</v>
          </cell>
          <cell r="AR48">
            <v>2689486</v>
          </cell>
          <cell r="AS48">
            <v>273766</v>
          </cell>
          <cell r="AT48">
            <v>108235</v>
          </cell>
          <cell r="AU48">
            <v>0</v>
          </cell>
          <cell r="AV48">
            <v>671376</v>
          </cell>
          <cell r="AW48">
            <v>79224</v>
          </cell>
          <cell r="AX48">
            <v>531568</v>
          </cell>
          <cell r="AY48">
            <v>0</v>
          </cell>
          <cell r="AZ48">
            <v>0</v>
          </cell>
          <cell r="BA48">
            <v>53296</v>
          </cell>
          <cell r="BB48">
            <v>19165</v>
          </cell>
          <cell r="BC48">
            <v>8186</v>
          </cell>
          <cell r="BD48">
            <v>830135</v>
          </cell>
          <cell r="BE48">
            <v>0</v>
          </cell>
          <cell r="BF48">
            <v>133011</v>
          </cell>
          <cell r="BG48">
            <v>0</v>
          </cell>
          <cell r="BH48">
            <v>22054</v>
          </cell>
          <cell r="BI48">
            <v>0</v>
          </cell>
          <cell r="BJ48">
            <v>0</v>
          </cell>
          <cell r="BK48">
            <v>211221</v>
          </cell>
          <cell r="BL48">
            <v>0</v>
          </cell>
          <cell r="BM48">
            <v>25433</v>
          </cell>
          <cell r="BN48">
            <v>0</v>
          </cell>
          <cell r="BO48">
            <v>101603</v>
          </cell>
          <cell r="BP48">
            <v>78533</v>
          </cell>
          <cell r="BQ48">
            <v>79689</v>
          </cell>
          <cell r="BR48">
            <v>39762</v>
          </cell>
        </row>
        <row r="49">
          <cell r="C49" t="str">
            <v>座間市</v>
          </cell>
          <cell r="AM49">
            <v>137724</v>
          </cell>
          <cell r="AN49">
            <v>208343</v>
          </cell>
          <cell r="AO49">
            <v>5814151</v>
          </cell>
          <cell r="AP49">
            <v>220558</v>
          </cell>
          <cell r="AQ49">
            <v>2513111</v>
          </cell>
          <cell r="AR49">
            <v>2134991</v>
          </cell>
          <cell r="AS49">
            <v>189436</v>
          </cell>
          <cell r="AT49">
            <v>6018</v>
          </cell>
          <cell r="AU49">
            <v>0</v>
          </cell>
          <cell r="AV49">
            <v>536592</v>
          </cell>
          <cell r="AW49">
            <v>74799</v>
          </cell>
          <cell r="AX49">
            <v>426295</v>
          </cell>
          <cell r="AY49">
            <v>0</v>
          </cell>
          <cell r="AZ49">
            <v>0</v>
          </cell>
          <cell r="BA49">
            <v>60650</v>
          </cell>
          <cell r="BB49">
            <v>17911</v>
          </cell>
          <cell r="BC49">
            <v>7597</v>
          </cell>
          <cell r="BD49">
            <v>716627</v>
          </cell>
          <cell r="BE49">
            <v>0</v>
          </cell>
          <cell r="BF49">
            <v>111741</v>
          </cell>
          <cell r="BG49">
            <v>0</v>
          </cell>
          <cell r="BH49">
            <v>43621</v>
          </cell>
          <cell r="BI49">
            <v>0</v>
          </cell>
          <cell r="BJ49">
            <v>0</v>
          </cell>
          <cell r="BK49">
            <v>180798</v>
          </cell>
          <cell r="BL49">
            <v>0</v>
          </cell>
          <cell r="BM49">
            <v>22959</v>
          </cell>
          <cell r="BN49">
            <v>0</v>
          </cell>
          <cell r="BO49">
            <v>102252</v>
          </cell>
          <cell r="BP49">
            <v>78167</v>
          </cell>
          <cell r="BQ49">
            <v>68211</v>
          </cell>
          <cell r="BR49">
            <v>34448</v>
          </cell>
        </row>
        <row r="50">
          <cell r="C50" t="str">
            <v>南足柄市</v>
          </cell>
          <cell r="AM50">
            <v>48069</v>
          </cell>
          <cell r="AN50">
            <v>72632</v>
          </cell>
          <cell r="AO50">
            <v>1921607</v>
          </cell>
          <cell r="AP50">
            <v>0</v>
          </cell>
          <cell r="AQ50">
            <v>1279895</v>
          </cell>
          <cell r="AR50">
            <v>1044813</v>
          </cell>
          <cell r="AS50">
            <v>114076</v>
          </cell>
          <cell r="AT50">
            <v>4119</v>
          </cell>
          <cell r="AU50">
            <v>0</v>
          </cell>
          <cell r="AV50">
            <v>638072</v>
          </cell>
          <cell r="AW50">
            <v>51219</v>
          </cell>
          <cell r="AX50">
            <v>195752</v>
          </cell>
          <cell r="AY50">
            <v>0</v>
          </cell>
          <cell r="AZ50">
            <v>0</v>
          </cell>
          <cell r="BA50">
            <v>22693</v>
          </cell>
          <cell r="BB50">
            <v>6080</v>
          </cell>
          <cell r="BC50">
            <v>2552</v>
          </cell>
          <cell r="BD50">
            <v>287632</v>
          </cell>
          <cell r="BE50">
            <v>0</v>
          </cell>
          <cell r="BF50">
            <v>45999</v>
          </cell>
          <cell r="BG50">
            <v>0</v>
          </cell>
          <cell r="BH50">
            <v>89</v>
          </cell>
          <cell r="BI50">
            <v>0</v>
          </cell>
          <cell r="BJ50">
            <v>0</v>
          </cell>
          <cell r="BK50">
            <v>74440</v>
          </cell>
          <cell r="BL50">
            <v>0</v>
          </cell>
          <cell r="BM50">
            <v>6705</v>
          </cell>
          <cell r="BN50">
            <v>0</v>
          </cell>
          <cell r="BO50">
            <v>40944</v>
          </cell>
          <cell r="BP50">
            <v>18761</v>
          </cell>
          <cell r="BQ50">
            <v>28083</v>
          </cell>
          <cell r="BR50">
            <v>14177</v>
          </cell>
        </row>
        <row r="51">
          <cell r="C51" t="str">
            <v>綾瀬市</v>
          </cell>
          <cell r="AM51">
            <v>88985</v>
          </cell>
          <cell r="AN51">
            <v>195173</v>
          </cell>
          <cell r="AO51">
            <v>3578562</v>
          </cell>
          <cell r="AP51">
            <v>48018</v>
          </cell>
          <cell r="AQ51">
            <v>2099124</v>
          </cell>
          <cell r="AR51">
            <v>1434666</v>
          </cell>
          <cell r="AS51">
            <v>117200</v>
          </cell>
          <cell r="AT51">
            <v>0</v>
          </cell>
          <cell r="AU51">
            <v>0</v>
          </cell>
          <cell r="AV51">
            <v>930365</v>
          </cell>
          <cell r="AW51">
            <v>68757</v>
          </cell>
          <cell r="AX51">
            <v>363909</v>
          </cell>
          <cell r="AY51">
            <v>0</v>
          </cell>
          <cell r="AZ51">
            <v>0</v>
          </cell>
          <cell r="BA51">
            <v>30727</v>
          </cell>
          <cell r="BB51">
            <v>11210</v>
          </cell>
          <cell r="BC51">
            <v>4713</v>
          </cell>
          <cell r="BD51">
            <v>595149</v>
          </cell>
          <cell r="BE51">
            <v>16128</v>
          </cell>
          <cell r="BF51">
            <v>86367</v>
          </cell>
          <cell r="BG51">
            <v>0</v>
          </cell>
          <cell r="BH51">
            <v>37007</v>
          </cell>
          <cell r="BI51">
            <v>0</v>
          </cell>
          <cell r="BJ51">
            <v>0</v>
          </cell>
          <cell r="BK51">
            <v>139509</v>
          </cell>
          <cell r="BL51">
            <v>0</v>
          </cell>
          <cell r="BM51">
            <v>18109</v>
          </cell>
          <cell r="BN51">
            <v>0</v>
          </cell>
          <cell r="BO51">
            <v>73879</v>
          </cell>
          <cell r="BP51">
            <v>59210</v>
          </cell>
          <cell r="BQ51">
            <v>52633</v>
          </cell>
          <cell r="BR51">
            <v>27029</v>
          </cell>
        </row>
        <row r="52">
          <cell r="C52" t="str">
            <v>葉山町</v>
          </cell>
          <cell r="AM52">
            <v>34996</v>
          </cell>
          <cell r="AN52">
            <v>55988</v>
          </cell>
          <cell r="AO52">
            <v>2011051</v>
          </cell>
          <cell r="AP52">
            <v>60337</v>
          </cell>
          <cell r="AQ52">
            <v>884980</v>
          </cell>
          <cell r="AR52">
            <v>661751</v>
          </cell>
          <cell r="AS52">
            <v>36896</v>
          </cell>
          <cell r="AT52">
            <v>633</v>
          </cell>
          <cell r="AU52">
            <v>0</v>
          </cell>
          <cell r="AV52">
            <v>41381</v>
          </cell>
          <cell r="AW52">
            <v>21167</v>
          </cell>
          <cell r="AX52">
            <v>81677</v>
          </cell>
          <cell r="AY52">
            <v>0</v>
          </cell>
          <cell r="AZ52">
            <v>0</v>
          </cell>
          <cell r="BA52">
            <v>18371</v>
          </cell>
          <cell r="BB52">
            <v>6729</v>
          </cell>
          <cell r="BC52">
            <v>2846</v>
          </cell>
          <cell r="BD52">
            <v>159704</v>
          </cell>
          <cell r="BE52">
            <v>17011</v>
          </cell>
          <cell r="BF52">
            <v>31054</v>
          </cell>
          <cell r="BG52">
            <v>0</v>
          </cell>
          <cell r="BH52">
            <v>8893</v>
          </cell>
          <cell r="BI52">
            <v>0</v>
          </cell>
          <cell r="BJ52">
            <v>0</v>
          </cell>
          <cell r="BK52">
            <v>50094</v>
          </cell>
          <cell r="BL52">
            <v>0</v>
          </cell>
          <cell r="BM52">
            <v>5406</v>
          </cell>
          <cell r="BN52">
            <v>0</v>
          </cell>
          <cell r="BO52">
            <v>35001</v>
          </cell>
          <cell r="BP52">
            <v>17554</v>
          </cell>
          <cell r="BQ52">
            <v>18898</v>
          </cell>
          <cell r="BR52">
            <v>9533</v>
          </cell>
        </row>
        <row r="53">
          <cell r="C53" t="str">
            <v>寒川町</v>
          </cell>
          <cell r="AM53">
            <v>51588</v>
          </cell>
          <cell r="AN53">
            <v>128236</v>
          </cell>
          <cell r="AO53">
            <v>2047101</v>
          </cell>
          <cell r="AP53">
            <v>0</v>
          </cell>
          <cell r="AQ53">
            <v>1447007</v>
          </cell>
          <cell r="AR53">
            <v>984657</v>
          </cell>
          <cell r="AS53">
            <v>121930</v>
          </cell>
          <cell r="AT53">
            <v>0</v>
          </cell>
          <cell r="AU53">
            <v>0</v>
          </cell>
          <cell r="AV53">
            <v>630604</v>
          </cell>
          <cell r="AW53">
            <v>44456</v>
          </cell>
          <cell r="AX53">
            <v>232587</v>
          </cell>
          <cell r="AY53">
            <v>0</v>
          </cell>
          <cell r="AZ53">
            <v>0</v>
          </cell>
          <cell r="BA53">
            <v>17021</v>
          </cell>
          <cell r="BB53">
            <v>6179</v>
          </cell>
          <cell r="BC53">
            <v>2636</v>
          </cell>
          <cell r="BD53">
            <v>351638</v>
          </cell>
          <cell r="BE53">
            <v>0</v>
          </cell>
          <cell r="BF53">
            <v>49932</v>
          </cell>
          <cell r="BG53">
            <v>0</v>
          </cell>
          <cell r="BH53">
            <v>75289</v>
          </cell>
          <cell r="BI53">
            <v>0</v>
          </cell>
          <cell r="BJ53">
            <v>0</v>
          </cell>
          <cell r="BK53">
            <v>80848</v>
          </cell>
          <cell r="BL53">
            <v>0</v>
          </cell>
          <cell r="BM53">
            <v>10648</v>
          </cell>
          <cell r="BN53">
            <v>0</v>
          </cell>
          <cell r="BO53">
            <v>36540</v>
          </cell>
          <cell r="BP53">
            <v>28705</v>
          </cell>
          <cell r="BQ53">
            <v>30502</v>
          </cell>
          <cell r="BR53">
            <v>15344</v>
          </cell>
        </row>
        <row r="54">
          <cell r="C54" t="str">
            <v>大磯町</v>
          </cell>
          <cell r="AM54">
            <v>36118</v>
          </cell>
          <cell r="AN54">
            <v>69609</v>
          </cell>
          <cell r="AO54">
            <v>1734518</v>
          </cell>
          <cell r="AP54">
            <v>3394</v>
          </cell>
          <cell r="AQ54">
            <v>988318</v>
          </cell>
          <cell r="AR54">
            <v>567451</v>
          </cell>
          <cell r="AS54">
            <v>175989</v>
          </cell>
          <cell r="AT54">
            <v>0</v>
          </cell>
          <cell r="AU54">
            <v>0</v>
          </cell>
          <cell r="AV54">
            <v>52359</v>
          </cell>
          <cell r="AW54">
            <v>25482</v>
          </cell>
          <cell r="AX54">
            <v>89248</v>
          </cell>
          <cell r="AY54">
            <v>0</v>
          </cell>
          <cell r="AZ54">
            <v>0</v>
          </cell>
          <cell r="BA54">
            <v>15546</v>
          </cell>
          <cell r="BB54">
            <v>5667</v>
          </cell>
          <cell r="BC54">
            <v>2399</v>
          </cell>
          <cell r="BD54">
            <v>179378</v>
          </cell>
          <cell r="BE54">
            <v>18893</v>
          </cell>
          <cell r="BF54">
            <v>30794</v>
          </cell>
          <cell r="BG54">
            <v>0</v>
          </cell>
          <cell r="BH54">
            <v>764</v>
          </cell>
          <cell r="BI54">
            <v>0</v>
          </cell>
          <cell r="BJ54">
            <v>0</v>
          </cell>
          <cell r="BK54">
            <v>50668</v>
          </cell>
          <cell r="BL54">
            <v>0</v>
          </cell>
          <cell r="BM54">
            <v>5888</v>
          </cell>
          <cell r="BN54">
            <v>0</v>
          </cell>
          <cell r="BO54">
            <v>25378</v>
          </cell>
          <cell r="BP54">
            <v>16589</v>
          </cell>
          <cell r="BQ54">
            <v>19115</v>
          </cell>
          <cell r="BR54">
            <v>9791</v>
          </cell>
        </row>
        <row r="55">
          <cell r="C55" t="str">
            <v>二宮町</v>
          </cell>
          <cell r="AM55">
            <v>31457</v>
          </cell>
          <cell r="AN55">
            <v>41116</v>
          </cell>
          <cell r="AO55">
            <v>1409282</v>
          </cell>
          <cell r="AP55">
            <v>18645</v>
          </cell>
          <cell r="AQ55">
            <v>617440</v>
          </cell>
          <cell r="AR55">
            <v>412408</v>
          </cell>
          <cell r="AS55">
            <v>116250</v>
          </cell>
          <cell r="AT55">
            <v>2376</v>
          </cell>
          <cell r="AU55">
            <v>0</v>
          </cell>
          <cell r="AV55">
            <v>32306</v>
          </cell>
          <cell r="AW55">
            <v>22292</v>
          </cell>
          <cell r="AX55">
            <v>95518</v>
          </cell>
          <cell r="AY55">
            <v>0</v>
          </cell>
          <cell r="AZ55">
            <v>0</v>
          </cell>
          <cell r="BA55">
            <v>12390</v>
          </cell>
          <cell r="BB55">
            <v>4585</v>
          </cell>
          <cell r="BC55">
            <v>1934</v>
          </cell>
          <cell r="BD55">
            <v>153677</v>
          </cell>
          <cell r="BE55">
            <v>5990</v>
          </cell>
          <cell r="BF55">
            <v>30995</v>
          </cell>
          <cell r="BG55">
            <v>0</v>
          </cell>
          <cell r="BH55">
            <v>6574</v>
          </cell>
          <cell r="BI55">
            <v>0</v>
          </cell>
          <cell r="BJ55">
            <v>0</v>
          </cell>
          <cell r="BK55">
            <v>50835</v>
          </cell>
          <cell r="BL55">
            <v>0</v>
          </cell>
          <cell r="BM55">
            <v>5486</v>
          </cell>
          <cell r="BN55">
            <v>0</v>
          </cell>
          <cell r="BO55">
            <v>21703</v>
          </cell>
          <cell r="BP55">
            <v>11633</v>
          </cell>
          <cell r="BQ55">
            <v>19178</v>
          </cell>
          <cell r="BR55">
            <v>9695</v>
          </cell>
        </row>
        <row r="56">
          <cell r="C56" t="str">
            <v>中井町</v>
          </cell>
          <cell r="AM56">
            <v>11285</v>
          </cell>
          <cell r="AN56">
            <v>49936</v>
          </cell>
          <cell r="AO56">
            <v>427551</v>
          </cell>
          <cell r="AP56">
            <v>229767</v>
          </cell>
          <cell r="AQ56">
            <v>449020</v>
          </cell>
          <cell r="AR56">
            <v>525490</v>
          </cell>
          <cell r="AS56">
            <v>32415</v>
          </cell>
          <cell r="AT56">
            <v>0</v>
          </cell>
          <cell r="AU56">
            <v>0</v>
          </cell>
          <cell r="AV56">
            <v>225265</v>
          </cell>
          <cell r="AW56">
            <v>15534</v>
          </cell>
          <cell r="AX56">
            <v>60431</v>
          </cell>
          <cell r="AY56">
            <v>0</v>
          </cell>
          <cell r="AZ56">
            <v>0</v>
          </cell>
          <cell r="BA56">
            <v>4454</v>
          </cell>
          <cell r="BB56">
            <v>1378</v>
          </cell>
          <cell r="BC56">
            <v>583</v>
          </cell>
          <cell r="BD56">
            <v>105377</v>
          </cell>
          <cell r="BE56">
            <v>26112</v>
          </cell>
          <cell r="BF56">
            <v>20813</v>
          </cell>
          <cell r="BG56">
            <v>0</v>
          </cell>
          <cell r="BH56">
            <v>649</v>
          </cell>
          <cell r="BI56">
            <v>0</v>
          </cell>
          <cell r="BJ56">
            <v>0</v>
          </cell>
          <cell r="BK56">
            <v>33516</v>
          </cell>
          <cell r="BL56">
            <v>0</v>
          </cell>
          <cell r="BM56">
            <v>2681</v>
          </cell>
          <cell r="BN56">
            <v>0</v>
          </cell>
          <cell r="BO56">
            <v>9255</v>
          </cell>
          <cell r="BP56">
            <v>3380</v>
          </cell>
          <cell r="BQ56">
            <v>12643</v>
          </cell>
          <cell r="BR56">
            <v>6394</v>
          </cell>
        </row>
        <row r="57">
          <cell r="C57" t="str">
            <v>大井町</v>
          </cell>
          <cell r="AM57">
            <v>19219</v>
          </cell>
          <cell r="AN57">
            <v>40922</v>
          </cell>
          <cell r="AO57">
            <v>759328</v>
          </cell>
          <cell r="AP57">
            <v>0</v>
          </cell>
          <cell r="AQ57">
            <v>644852</v>
          </cell>
          <cell r="AR57">
            <v>416354</v>
          </cell>
          <cell r="AS57">
            <v>20487</v>
          </cell>
          <cell r="AT57">
            <v>594</v>
          </cell>
          <cell r="AU57">
            <v>0</v>
          </cell>
          <cell r="AV57">
            <v>76473</v>
          </cell>
          <cell r="AW57">
            <v>26180</v>
          </cell>
          <cell r="AX57">
            <v>73604</v>
          </cell>
          <cell r="AY57">
            <v>0</v>
          </cell>
          <cell r="AZ57">
            <v>0</v>
          </cell>
          <cell r="BA57">
            <v>6435</v>
          </cell>
          <cell r="BB57">
            <v>2351</v>
          </cell>
          <cell r="BC57">
            <v>1000</v>
          </cell>
          <cell r="BD57">
            <v>124547</v>
          </cell>
          <cell r="BE57">
            <v>0</v>
          </cell>
          <cell r="BF57">
            <v>22442</v>
          </cell>
          <cell r="BG57">
            <v>0</v>
          </cell>
          <cell r="BH57">
            <v>1907</v>
          </cell>
          <cell r="BI57">
            <v>0</v>
          </cell>
          <cell r="BJ57">
            <v>0</v>
          </cell>
          <cell r="BK57">
            <v>35936</v>
          </cell>
          <cell r="BL57">
            <v>0</v>
          </cell>
          <cell r="BM57">
            <v>4503</v>
          </cell>
          <cell r="BN57">
            <v>0</v>
          </cell>
          <cell r="BO57">
            <v>22711</v>
          </cell>
          <cell r="BP57">
            <v>11012</v>
          </cell>
          <cell r="BQ57">
            <v>13557</v>
          </cell>
          <cell r="BR57">
            <v>6884</v>
          </cell>
        </row>
        <row r="58">
          <cell r="C58" t="str">
            <v>松田町</v>
          </cell>
          <cell r="AM58">
            <v>13179</v>
          </cell>
          <cell r="AN58">
            <v>26190</v>
          </cell>
          <cell r="AO58">
            <v>523921</v>
          </cell>
          <cell r="AP58">
            <v>21446</v>
          </cell>
          <cell r="AQ58">
            <v>305834</v>
          </cell>
          <cell r="AR58">
            <v>191527</v>
          </cell>
          <cell r="AS58">
            <v>78984</v>
          </cell>
          <cell r="AT58">
            <v>0</v>
          </cell>
          <cell r="AU58">
            <v>0</v>
          </cell>
          <cell r="AV58">
            <v>25542</v>
          </cell>
          <cell r="AW58">
            <v>14052</v>
          </cell>
          <cell r="AX58">
            <v>31150</v>
          </cell>
          <cell r="AY58">
            <v>0</v>
          </cell>
          <cell r="AZ58">
            <v>0</v>
          </cell>
          <cell r="BA58">
            <v>4903</v>
          </cell>
          <cell r="BB58">
            <v>1642</v>
          </cell>
          <cell r="BC58">
            <v>694</v>
          </cell>
          <cell r="BD58">
            <v>81839</v>
          </cell>
          <cell r="BE58">
            <v>46233</v>
          </cell>
          <cell r="BF58">
            <v>15396</v>
          </cell>
          <cell r="BG58">
            <v>0</v>
          </cell>
          <cell r="BH58">
            <v>811</v>
          </cell>
          <cell r="BI58">
            <v>0</v>
          </cell>
          <cell r="BJ58">
            <v>0</v>
          </cell>
          <cell r="BK58">
            <v>25016</v>
          </cell>
          <cell r="BL58">
            <v>0</v>
          </cell>
          <cell r="BM58">
            <v>2724</v>
          </cell>
          <cell r="BN58">
            <v>0</v>
          </cell>
          <cell r="BO58">
            <v>9839</v>
          </cell>
          <cell r="BP58">
            <v>2893</v>
          </cell>
          <cell r="BQ58">
            <v>9438</v>
          </cell>
          <cell r="BR58">
            <v>4834</v>
          </cell>
        </row>
        <row r="59">
          <cell r="C59" t="str">
            <v>山北町</v>
          </cell>
          <cell r="AM59">
            <v>13841</v>
          </cell>
          <cell r="AN59">
            <v>25742</v>
          </cell>
          <cell r="AO59">
            <v>493257</v>
          </cell>
          <cell r="AP59">
            <v>55864</v>
          </cell>
          <cell r="AQ59">
            <v>307994</v>
          </cell>
          <cell r="AR59">
            <v>217771</v>
          </cell>
          <cell r="AS59">
            <v>104431</v>
          </cell>
          <cell r="AT59">
            <v>0</v>
          </cell>
          <cell r="AU59">
            <v>0</v>
          </cell>
          <cell r="AV59">
            <v>110958</v>
          </cell>
          <cell r="AW59">
            <v>18634</v>
          </cell>
          <cell r="AX59">
            <v>30919</v>
          </cell>
          <cell r="AY59">
            <v>0</v>
          </cell>
          <cell r="AZ59">
            <v>0</v>
          </cell>
          <cell r="BA59">
            <v>4249</v>
          </cell>
          <cell r="BB59">
            <v>1572</v>
          </cell>
          <cell r="BC59">
            <v>665</v>
          </cell>
          <cell r="BD59">
            <v>79211</v>
          </cell>
          <cell r="BE59">
            <v>12749</v>
          </cell>
          <cell r="BF59">
            <v>19363</v>
          </cell>
          <cell r="BG59">
            <v>0</v>
          </cell>
          <cell r="BH59">
            <v>113924</v>
          </cell>
          <cell r="BI59">
            <v>0</v>
          </cell>
          <cell r="BJ59">
            <v>0</v>
          </cell>
          <cell r="BK59">
            <v>31311</v>
          </cell>
          <cell r="BL59">
            <v>0</v>
          </cell>
          <cell r="BM59">
            <v>2377</v>
          </cell>
          <cell r="BN59">
            <v>0</v>
          </cell>
          <cell r="BO59">
            <v>14547</v>
          </cell>
          <cell r="BP59">
            <v>2909</v>
          </cell>
          <cell r="BQ59">
            <v>11811</v>
          </cell>
          <cell r="BR59">
            <v>5958</v>
          </cell>
        </row>
        <row r="60">
          <cell r="C60" t="str">
            <v>開成町</v>
          </cell>
          <cell r="AM60">
            <v>17675</v>
          </cell>
          <cell r="AN60">
            <v>37583</v>
          </cell>
          <cell r="AO60">
            <v>729152</v>
          </cell>
          <cell r="AP60">
            <v>0</v>
          </cell>
          <cell r="AQ60">
            <v>445602</v>
          </cell>
          <cell r="AR60">
            <v>416023</v>
          </cell>
          <cell r="AS60">
            <v>42681</v>
          </cell>
          <cell r="AT60">
            <v>1129</v>
          </cell>
          <cell r="AU60">
            <v>0</v>
          </cell>
          <cell r="AV60">
            <v>150826</v>
          </cell>
          <cell r="AW60">
            <v>17050</v>
          </cell>
          <cell r="AX60">
            <v>56541</v>
          </cell>
          <cell r="AY60">
            <v>0</v>
          </cell>
          <cell r="AZ60">
            <v>0</v>
          </cell>
          <cell r="BA60">
            <v>6112</v>
          </cell>
          <cell r="BB60">
            <v>2143</v>
          </cell>
          <cell r="BC60">
            <v>917</v>
          </cell>
          <cell r="BD60">
            <v>109795</v>
          </cell>
          <cell r="BE60">
            <v>0</v>
          </cell>
          <cell r="BF60">
            <v>17849</v>
          </cell>
          <cell r="BG60">
            <v>0</v>
          </cell>
          <cell r="BH60">
            <v>132</v>
          </cell>
          <cell r="BI60">
            <v>0</v>
          </cell>
          <cell r="BJ60">
            <v>0</v>
          </cell>
          <cell r="BK60">
            <v>29350</v>
          </cell>
          <cell r="BL60">
            <v>0</v>
          </cell>
          <cell r="BM60">
            <v>3007</v>
          </cell>
          <cell r="BN60">
            <v>0</v>
          </cell>
          <cell r="BO60">
            <v>15377</v>
          </cell>
          <cell r="BP60">
            <v>10845</v>
          </cell>
          <cell r="BQ60">
            <v>11072</v>
          </cell>
          <cell r="BR60">
            <v>5457</v>
          </cell>
        </row>
        <row r="61">
          <cell r="C61" t="str">
            <v>箱根町</v>
          </cell>
          <cell r="AM61">
            <v>25607</v>
          </cell>
          <cell r="AN61">
            <v>168481</v>
          </cell>
          <cell r="AO61">
            <v>573726</v>
          </cell>
          <cell r="AP61">
            <v>75413</v>
          </cell>
          <cell r="AQ61">
            <v>1051584</v>
          </cell>
          <cell r="AR61">
            <v>1824718</v>
          </cell>
          <cell r="AS61">
            <v>41097</v>
          </cell>
          <cell r="AT61">
            <v>39080</v>
          </cell>
          <cell r="AU61">
            <v>25803</v>
          </cell>
          <cell r="AV61">
            <v>252713</v>
          </cell>
          <cell r="AW61">
            <v>14614</v>
          </cell>
          <cell r="AX61">
            <v>100727</v>
          </cell>
          <cell r="AY61">
            <v>0</v>
          </cell>
          <cell r="AZ61">
            <v>0</v>
          </cell>
          <cell r="BA61">
            <v>4434</v>
          </cell>
          <cell r="BB61">
            <v>1811</v>
          </cell>
          <cell r="BC61">
            <v>758</v>
          </cell>
          <cell r="BD61">
            <v>169868</v>
          </cell>
          <cell r="BE61">
            <v>80869</v>
          </cell>
          <cell r="BF61">
            <v>21725</v>
          </cell>
          <cell r="BG61">
            <v>0</v>
          </cell>
          <cell r="BH61">
            <v>120118</v>
          </cell>
          <cell r="BI61">
            <v>0</v>
          </cell>
          <cell r="BJ61">
            <v>0</v>
          </cell>
          <cell r="BK61">
            <v>35117</v>
          </cell>
          <cell r="BL61">
            <v>0</v>
          </cell>
          <cell r="BM61">
            <v>4160</v>
          </cell>
          <cell r="BN61">
            <v>0</v>
          </cell>
          <cell r="BO61">
            <v>25877</v>
          </cell>
          <cell r="BP61">
            <v>1571</v>
          </cell>
          <cell r="BQ61">
            <v>13249</v>
          </cell>
          <cell r="BR61">
            <v>6689</v>
          </cell>
        </row>
        <row r="62">
          <cell r="C62" t="str">
            <v>真鶴町</v>
          </cell>
          <cell r="AM62">
            <v>9590</v>
          </cell>
          <cell r="AN62">
            <v>17191</v>
          </cell>
          <cell r="AO62">
            <v>309485</v>
          </cell>
          <cell r="AP62">
            <v>9729</v>
          </cell>
          <cell r="AQ62">
            <v>161806</v>
          </cell>
          <cell r="AR62">
            <v>178574</v>
          </cell>
          <cell r="AS62">
            <v>51845</v>
          </cell>
          <cell r="AT62">
            <v>0</v>
          </cell>
          <cell r="AU62">
            <v>0</v>
          </cell>
          <cell r="AV62">
            <v>15788</v>
          </cell>
          <cell r="AW62">
            <v>8171</v>
          </cell>
          <cell r="AX62">
            <v>29081</v>
          </cell>
          <cell r="AY62">
            <v>0</v>
          </cell>
          <cell r="AZ62">
            <v>0</v>
          </cell>
          <cell r="BA62">
            <v>2589</v>
          </cell>
          <cell r="BB62">
            <v>957</v>
          </cell>
          <cell r="BC62">
            <v>405</v>
          </cell>
          <cell r="BD62">
            <v>46889</v>
          </cell>
          <cell r="BE62">
            <v>0</v>
          </cell>
          <cell r="BF62">
            <v>9712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15788</v>
          </cell>
          <cell r="BL62">
            <v>0</v>
          </cell>
          <cell r="BM62">
            <v>1528</v>
          </cell>
          <cell r="BN62">
            <v>0</v>
          </cell>
          <cell r="BO62">
            <v>5827</v>
          </cell>
          <cell r="BP62">
            <v>1390</v>
          </cell>
          <cell r="BQ62">
            <v>5955</v>
          </cell>
          <cell r="BR62">
            <v>2994</v>
          </cell>
        </row>
        <row r="63">
          <cell r="C63" t="str">
            <v>湯河原町</v>
          </cell>
          <cell r="AM63">
            <v>31928</v>
          </cell>
          <cell r="AN63">
            <v>72338</v>
          </cell>
          <cell r="AO63">
            <v>963291</v>
          </cell>
          <cell r="AP63">
            <v>32804</v>
          </cell>
          <cell r="AQ63">
            <v>539888</v>
          </cell>
          <cell r="AR63">
            <v>702383</v>
          </cell>
          <cell r="AS63">
            <v>139401</v>
          </cell>
          <cell r="AT63">
            <v>3172</v>
          </cell>
          <cell r="AU63">
            <v>0</v>
          </cell>
          <cell r="AV63">
            <v>50310</v>
          </cell>
          <cell r="AW63">
            <v>27430</v>
          </cell>
          <cell r="AX63">
            <v>149114</v>
          </cell>
          <cell r="AY63">
            <v>0</v>
          </cell>
          <cell r="AZ63">
            <v>0</v>
          </cell>
          <cell r="BA63">
            <v>8394</v>
          </cell>
          <cell r="BB63">
            <v>3130</v>
          </cell>
          <cell r="BC63">
            <v>1307</v>
          </cell>
          <cell r="BD63">
            <v>175479</v>
          </cell>
          <cell r="BE63">
            <v>4762</v>
          </cell>
          <cell r="BF63">
            <v>30557</v>
          </cell>
          <cell r="BG63">
            <v>0</v>
          </cell>
          <cell r="BH63">
            <v>11080</v>
          </cell>
          <cell r="BI63">
            <v>0</v>
          </cell>
          <cell r="BJ63">
            <v>0</v>
          </cell>
          <cell r="BK63">
            <v>50853</v>
          </cell>
          <cell r="BL63">
            <v>0</v>
          </cell>
          <cell r="BM63">
            <v>5328</v>
          </cell>
          <cell r="BN63">
            <v>0</v>
          </cell>
          <cell r="BO63">
            <v>24672</v>
          </cell>
          <cell r="BP63">
            <v>7815</v>
          </cell>
          <cell r="BQ63">
            <v>19185</v>
          </cell>
          <cell r="BR63">
            <v>9673</v>
          </cell>
        </row>
        <row r="64">
          <cell r="C64" t="str">
            <v>愛川町</v>
          </cell>
          <cell r="AM64">
            <v>48327</v>
          </cell>
          <cell r="AN64">
            <v>138864</v>
          </cell>
          <cell r="AO64">
            <v>1672635</v>
          </cell>
          <cell r="AP64">
            <v>23227</v>
          </cell>
          <cell r="AQ64">
            <v>1096059</v>
          </cell>
          <cell r="AR64">
            <v>1047098</v>
          </cell>
          <cell r="AS64">
            <v>54640</v>
          </cell>
          <cell r="AT64">
            <v>0</v>
          </cell>
          <cell r="AU64">
            <v>0</v>
          </cell>
          <cell r="AV64">
            <v>530225</v>
          </cell>
          <cell r="AW64">
            <v>57286</v>
          </cell>
          <cell r="AX64">
            <v>219639</v>
          </cell>
          <cell r="AY64">
            <v>0</v>
          </cell>
          <cell r="AZ64">
            <v>0</v>
          </cell>
          <cell r="BA64">
            <v>14054</v>
          </cell>
          <cell r="BB64">
            <v>5058</v>
          </cell>
          <cell r="BC64">
            <v>2151</v>
          </cell>
          <cell r="BD64">
            <v>329466</v>
          </cell>
          <cell r="BE64">
            <v>38976</v>
          </cell>
          <cell r="BF64">
            <v>60749</v>
          </cell>
          <cell r="BG64">
            <v>0</v>
          </cell>
          <cell r="BH64">
            <v>180963</v>
          </cell>
          <cell r="BI64">
            <v>0</v>
          </cell>
          <cell r="BJ64">
            <v>0</v>
          </cell>
          <cell r="BK64">
            <v>97624</v>
          </cell>
          <cell r="BL64">
            <v>0</v>
          </cell>
          <cell r="BM64">
            <v>9800</v>
          </cell>
          <cell r="BN64">
            <v>0</v>
          </cell>
          <cell r="BO64">
            <v>33568</v>
          </cell>
          <cell r="BP64">
            <v>22093</v>
          </cell>
          <cell r="BQ64">
            <v>36832</v>
          </cell>
          <cell r="BR64">
            <v>18648</v>
          </cell>
        </row>
        <row r="65">
          <cell r="C65" t="str">
            <v>清川村</v>
          </cell>
          <cell r="AM65">
            <v>3841</v>
          </cell>
          <cell r="AN65">
            <v>8041</v>
          </cell>
          <cell r="AO65">
            <v>137075</v>
          </cell>
          <cell r="AP65">
            <v>1440</v>
          </cell>
          <cell r="AQ65">
            <v>51490</v>
          </cell>
          <cell r="AR65">
            <v>64557</v>
          </cell>
          <cell r="AS65">
            <v>16399</v>
          </cell>
          <cell r="AT65">
            <v>0</v>
          </cell>
          <cell r="AU65">
            <v>0</v>
          </cell>
          <cell r="AV65">
            <v>14851</v>
          </cell>
          <cell r="AW65">
            <v>4518</v>
          </cell>
          <cell r="AX65">
            <v>9007</v>
          </cell>
          <cell r="AY65">
            <v>0</v>
          </cell>
          <cell r="AZ65">
            <v>0</v>
          </cell>
          <cell r="BA65">
            <v>1136</v>
          </cell>
          <cell r="BB65">
            <v>416</v>
          </cell>
          <cell r="BC65">
            <v>177</v>
          </cell>
          <cell r="BD65">
            <v>27085</v>
          </cell>
          <cell r="BE65">
            <v>13517</v>
          </cell>
          <cell r="BF65">
            <v>6749</v>
          </cell>
          <cell r="BG65">
            <v>0</v>
          </cell>
          <cell r="BH65">
            <v>730115</v>
          </cell>
          <cell r="BI65">
            <v>0</v>
          </cell>
          <cell r="BJ65">
            <v>0</v>
          </cell>
          <cell r="BK65">
            <v>10549</v>
          </cell>
          <cell r="BL65">
            <v>0</v>
          </cell>
          <cell r="BM65">
            <v>765</v>
          </cell>
          <cell r="BN65">
            <v>0</v>
          </cell>
          <cell r="BO65">
            <v>4074</v>
          </cell>
          <cell r="BP65">
            <v>1634</v>
          </cell>
          <cell r="BQ65">
            <v>3979</v>
          </cell>
          <cell r="BR65">
            <v>203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:L39"/>
  <sheetViews>
    <sheetView tabSelected="1" zoomScaleNormal="100" zoomScaleSheetLayoutView="100" workbookViewId="0">
      <selection activeCell="M9" sqref="M9"/>
    </sheetView>
  </sheetViews>
  <sheetFormatPr defaultColWidth="9.3984375" defaultRowHeight="10.8"/>
  <cols>
    <col min="1" max="1" width="14.09765625" style="17" customWidth="1"/>
    <col min="2" max="16384" width="9.3984375" style="9"/>
  </cols>
  <sheetData>
    <row r="1" spans="1:12" s="3" customFormat="1" ht="17.25" customHeight="1">
      <c r="A1" s="1"/>
      <c r="B1" s="1"/>
      <c r="C1" s="1"/>
      <c r="D1" s="1"/>
      <c r="E1" s="2" t="s">
        <v>16</v>
      </c>
      <c r="F1" s="2"/>
      <c r="G1" s="2"/>
      <c r="H1" s="2" t="s">
        <v>56</v>
      </c>
      <c r="I1" s="2"/>
      <c r="J1" s="1"/>
      <c r="K1" s="1"/>
    </row>
    <row r="2" spans="1:12" s="3" customFormat="1" ht="17.25" customHeight="1">
      <c r="A2" s="4"/>
      <c r="B2" s="4" t="s">
        <v>14</v>
      </c>
      <c r="C2" s="4" t="s">
        <v>15</v>
      </c>
      <c r="D2" s="4" t="s">
        <v>19</v>
      </c>
      <c r="E2" s="4"/>
      <c r="F2" s="4"/>
      <c r="G2" s="4"/>
      <c r="H2" s="1"/>
      <c r="I2" s="1"/>
      <c r="J2" s="4" t="s">
        <v>17</v>
      </c>
      <c r="K2" s="4" t="s">
        <v>18</v>
      </c>
    </row>
    <row r="3" spans="1:12" s="3" customFormat="1" ht="17.25" customHeight="1">
      <c r="A3" s="4"/>
      <c r="B3" s="4" t="s">
        <v>0</v>
      </c>
      <c r="C3" s="4" t="s">
        <v>1</v>
      </c>
      <c r="D3" s="4"/>
      <c r="E3" s="4" t="s">
        <v>2</v>
      </c>
      <c r="F3" s="4" t="s">
        <v>3</v>
      </c>
      <c r="G3" s="4" t="s">
        <v>4</v>
      </c>
      <c r="H3" s="4" t="s">
        <v>5</v>
      </c>
      <c r="I3" s="4" t="s">
        <v>6</v>
      </c>
      <c r="J3" s="4" t="s">
        <v>13</v>
      </c>
      <c r="K3" s="5" t="s">
        <v>7</v>
      </c>
    </row>
    <row r="4" spans="1:12" s="3" customFormat="1" ht="17.25" customHeight="1">
      <c r="A4" s="4"/>
      <c r="B4" s="4"/>
      <c r="C4" s="4"/>
      <c r="D4" s="4"/>
      <c r="E4" s="4"/>
      <c r="F4" s="4"/>
      <c r="G4" s="4"/>
      <c r="H4" s="4"/>
      <c r="I4" s="4"/>
      <c r="J4" s="4"/>
      <c r="K4" s="4" t="s">
        <v>8</v>
      </c>
    </row>
    <row r="5" spans="1:12" s="3" customFormat="1" ht="17.25" customHeight="1">
      <c r="A5" s="6"/>
      <c r="B5" s="6" t="s">
        <v>9</v>
      </c>
      <c r="C5" s="6" t="s">
        <v>10</v>
      </c>
      <c r="D5" s="6" t="s">
        <v>11</v>
      </c>
      <c r="E5" s="6" t="s">
        <v>12</v>
      </c>
      <c r="F5" s="6"/>
      <c r="G5" s="6" t="s">
        <v>20</v>
      </c>
      <c r="H5" s="6"/>
      <c r="I5" s="6"/>
      <c r="J5" s="4" t="s">
        <v>21</v>
      </c>
      <c r="K5" s="6"/>
    </row>
    <row r="6" spans="1:12" ht="17.25" customHeight="1">
      <c r="A6" s="7" t="s">
        <v>22</v>
      </c>
      <c r="B6" s="8">
        <v>2386412754</v>
      </c>
      <c r="C6" s="8">
        <v>168264820</v>
      </c>
      <c r="D6" s="8">
        <v>0</v>
      </c>
      <c r="E6" s="8">
        <v>170252952</v>
      </c>
      <c r="F6" s="8">
        <v>23827104</v>
      </c>
      <c r="G6" s="8">
        <v>194080056</v>
      </c>
      <c r="H6" s="8">
        <v>14764866</v>
      </c>
      <c r="I6" s="8">
        <v>179315190</v>
      </c>
      <c r="J6" s="8">
        <v>2384424622</v>
      </c>
      <c r="K6" s="8">
        <v>112567040</v>
      </c>
    </row>
    <row r="7" spans="1:12" s="12" customFormat="1" ht="17.25" customHeight="1">
      <c r="A7" s="10" t="s">
        <v>23</v>
      </c>
      <c r="B7" s="11">
        <v>808415200</v>
      </c>
      <c r="C7" s="11">
        <v>56857500</v>
      </c>
      <c r="D7" s="11">
        <v>0</v>
      </c>
      <c r="E7" s="11">
        <v>60533377</v>
      </c>
      <c r="F7" s="11">
        <v>9470035</v>
      </c>
      <c r="G7" s="11">
        <v>70003412</v>
      </c>
      <c r="H7" s="11">
        <v>2383154</v>
      </c>
      <c r="I7" s="11">
        <v>67620258</v>
      </c>
      <c r="J7" s="11">
        <v>804739323</v>
      </c>
      <c r="K7" s="11">
        <v>55442477</v>
      </c>
      <c r="L7" s="9"/>
    </row>
    <row r="8" spans="1:12" ht="17.25" customHeight="1">
      <c r="A8" s="18" t="s">
        <v>24</v>
      </c>
      <c r="B8" s="19">
        <v>273802240</v>
      </c>
      <c r="C8" s="19">
        <v>26521800</v>
      </c>
      <c r="D8" s="19">
        <v>0</v>
      </c>
      <c r="E8" s="19">
        <v>25938192</v>
      </c>
      <c r="F8" s="19">
        <v>1335109</v>
      </c>
      <c r="G8" s="19">
        <v>27273301</v>
      </c>
      <c r="H8" s="19">
        <v>307725</v>
      </c>
      <c r="I8" s="19">
        <v>26965576</v>
      </c>
      <c r="J8" s="19">
        <v>274385848</v>
      </c>
      <c r="K8" s="19">
        <v>363764</v>
      </c>
    </row>
    <row r="9" spans="1:12" ht="17.25" customHeight="1">
      <c r="A9" s="10" t="s">
        <v>25</v>
      </c>
      <c r="B9" s="11">
        <v>185818189</v>
      </c>
      <c r="C9" s="11">
        <v>21636065</v>
      </c>
      <c r="D9" s="11">
        <v>0</v>
      </c>
      <c r="E9" s="11">
        <v>15625380</v>
      </c>
      <c r="F9" s="11">
        <v>685803</v>
      </c>
      <c r="G9" s="11">
        <v>16311183</v>
      </c>
      <c r="H9" s="11">
        <v>233186</v>
      </c>
      <c r="I9" s="11">
        <v>16077997</v>
      </c>
      <c r="J9" s="11">
        <v>191828874</v>
      </c>
      <c r="K9" s="11">
        <v>6253389</v>
      </c>
    </row>
    <row r="10" spans="1:12" s="12" customFormat="1" ht="17.25" customHeight="1">
      <c r="A10" s="10" t="s">
        <v>26</v>
      </c>
      <c r="B10" s="11">
        <v>54927875</v>
      </c>
      <c r="C10" s="11">
        <v>9159469</v>
      </c>
      <c r="D10" s="11">
        <v>0</v>
      </c>
      <c r="E10" s="11">
        <v>5592752</v>
      </c>
      <c r="F10" s="11">
        <v>225683</v>
      </c>
      <c r="G10" s="11">
        <v>5818435</v>
      </c>
      <c r="H10" s="11">
        <v>118337</v>
      </c>
      <c r="I10" s="11">
        <v>5700098</v>
      </c>
      <c r="J10" s="11">
        <v>58494592</v>
      </c>
      <c r="K10" s="11">
        <v>1341649</v>
      </c>
      <c r="L10" s="9"/>
    </row>
    <row r="11" spans="1:12" s="12" customFormat="1" ht="17.25" customHeight="1">
      <c r="A11" s="10" t="s">
        <v>27</v>
      </c>
      <c r="B11" s="11">
        <v>34723308</v>
      </c>
      <c r="C11" s="11">
        <v>1260300</v>
      </c>
      <c r="D11" s="11">
        <v>0</v>
      </c>
      <c r="E11" s="11">
        <v>4050231</v>
      </c>
      <c r="F11" s="11">
        <v>179885</v>
      </c>
      <c r="G11" s="11">
        <v>4230116</v>
      </c>
      <c r="H11" s="11">
        <v>0</v>
      </c>
      <c r="I11" s="11">
        <v>4230116</v>
      </c>
      <c r="J11" s="11">
        <v>31933377</v>
      </c>
      <c r="K11" s="11">
        <v>1446924</v>
      </c>
      <c r="L11" s="9"/>
    </row>
    <row r="12" spans="1:12" s="12" customFormat="1" ht="17.25" customHeight="1">
      <c r="A12" s="10" t="s">
        <v>28</v>
      </c>
      <c r="B12" s="11">
        <v>79492929</v>
      </c>
      <c r="C12" s="11">
        <v>11502700</v>
      </c>
      <c r="D12" s="11">
        <v>0</v>
      </c>
      <c r="E12" s="11">
        <v>9180974</v>
      </c>
      <c r="F12" s="11">
        <v>282870</v>
      </c>
      <c r="G12" s="11">
        <v>9463844</v>
      </c>
      <c r="H12" s="11">
        <v>0</v>
      </c>
      <c r="I12" s="11">
        <v>9463844</v>
      </c>
      <c r="J12" s="11">
        <v>81814655</v>
      </c>
      <c r="K12" s="11">
        <v>4860069</v>
      </c>
      <c r="L12" s="9"/>
    </row>
    <row r="13" spans="1:12" s="12" customFormat="1" ht="17.25" customHeight="1">
      <c r="A13" s="10" t="s">
        <v>29</v>
      </c>
      <c r="B13" s="11">
        <v>59625512</v>
      </c>
      <c r="C13" s="11">
        <v>4607682</v>
      </c>
      <c r="D13" s="11">
        <v>0</v>
      </c>
      <c r="E13" s="11">
        <v>4648529</v>
      </c>
      <c r="F13" s="11">
        <v>195275</v>
      </c>
      <c r="G13" s="11">
        <v>4843804</v>
      </c>
      <c r="H13" s="11">
        <v>226287</v>
      </c>
      <c r="I13" s="11">
        <v>4617517</v>
      </c>
      <c r="J13" s="11">
        <v>59584665</v>
      </c>
      <c r="K13" s="11">
        <v>897372</v>
      </c>
      <c r="L13" s="9"/>
    </row>
    <row r="14" spans="1:12" s="12" customFormat="1" ht="17.25" customHeight="1">
      <c r="A14" s="10" t="s">
        <v>30</v>
      </c>
      <c r="B14" s="11">
        <v>66355544</v>
      </c>
      <c r="C14" s="11">
        <v>3056027</v>
      </c>
      <c r="D14" s="11">
        <v>0</v>
      </c>
      <c r="E14" s="11">
        <v>5007053</v>
      </c>
      <c r="F14" s="11">
        <v>264363</v>
      </c>
      <c r="G14" s="11">
        <v>5271416</v>
      </c>
      <c r="H14" s="11">
        <v>0</v>
      </c>
      <c r="I14" s="11">
        <v>5271416</v>
      </c>
      <c r="J14" s="11">
        <v>64404518</v>
      </c>
      <c r="K14" s="11">
        <v>2193287</v>
      </c>
      <c r="L14" s="9"/>
    </row>
    <row r="15" spans="1:12" s="12" customFormat="1" ht="17.25" customHeight="1">
      <c r="A15" s="10" t="s">
        <v>31</v>
      </c>
      <c r="B15" s="11">
        <v>17699292</v>
      </c>
      <c r="C15" s="11">
        <v>1626296</v>
      </c>
      <c r="D15" s="11">
        <v>0</v>
      </c>
      <c r="E15" s="11">
        <v>1950428</v>
      </c>
      <c r="F15" s="11">
        <v>76627</v>
      </c>
      <c r="G15" s="11">
        <v>2027055</v>
      </c>
      <c r="H15" s="11">
        <v>24669</v>
      </c>
      <c r="I15" s="11">
        <v>2002386</v>
      </c>
      <c r="J15" s="11">
        <v>17375160</v>
      </c>
      <c r="K15" s="11">
        <v>519366</v>
      </c>
      <c r="L15" s="9"/>
    </row>
    <row r="16" spans="1:12" s="12" customFormat="1" ht="17.25" customHeight="1">
      <c r="A16" s="10" t="s">
        <v>32</v>
      </c>
      <c r="B16" s="11">
        <v>23712791</v>
      </c>
      <c r="C16" s="11">
        <v>975079</v>
      </c>
      <c r="D16" s="11">
        <v>0</v>
      </c>
      <c r="E16" s="11">
        <v>1818694</v>
      </c>
      <c r="F16" s="11">
        <v>92010</v>
      </c>
      <c r="G16" s="11">
        <v>1910704</v>
      </c>
      <c r="H16" s="11">
        <v>13954</v>
      </c>
      <c r="I16" s="11">
        <v>1896750</v>
      </c>
      <c r="J16" s="11">
        <v>22869176</v>
      </c>
      <c r="K16" s="11">
        <v>762025</v>
      </c>
      <c r="L16" s="9"/>
    </row>
    <row r="17" spans="1:12" s="12" customFormat="1" ht="17.25" customHeight="1">
      <c r="A17" s="10" t="s">
        <v>33</v>
      </c>
      <c r="B17" s="11">
        <v>35087715</v>
      </c>
      <c r="C17" s="11">
        <v>4149800</v>
      </c>
      <c r="D17" s="11">
        <v>0</v>
      </c>
      <c r="E17" s="11">
        <v>3351000</v>
      </c>
      <c r="F17" s="11">
        <v>92990</v>
      </c>
      <c r="G17" s="11">
        <v>3443990</v>
      </c>
      <c r="H17" s="11">
        <v>31493</v>
      </c>
      <c r="I17" s="11">
        <v>3412497</v>
      </c>
      <c r="J17" s="11">
        <v>35886515</v>
      </c>
      <c r="K17" s="11">
        <v>1466741</v>
      </c>
      <c r="L17" s="9"/>
    </row>
    <row r="18" spans="1:12" s="12" customFormat="1" ht="17.25" customHeight="1">
      <c r="A18" s="10" t="s">
        <v>34</v>
      </c>
      <c r="B18" s="11">
        <v>58568410</v>
      </c>
      <c r="C18" s="11">
        <v>7586700</v>
      </c>
      <c r="D18" s="11">
        <v>0</v>
      </c>
      <c r="E18" s="11">
        <v>5805715</v>
      </c>
      <c r="F18" s="11">
        <v>238576</v>
      </c>
      <c r="G18" s="11">
        <v>6044291</v>
      </c>
      <c r="H18" s="11">
        <v>744615</v>
      </c>
      <c r="I18" s="11">
        <v>5299676</v>
      </c>
      <c r="J18" s="11">
        <v>60349395</v>
      </c>
      <c r="K18" s="11">
        <v>1674923</v>
      </c>
      <c r="L18" s="9"/>
    </row>
    <row r="19" spans="1:12" s="12" customFormat="1" ht="17.25" customHeight="1">
      <c r="A19" s="10" t="s">
        <v>35</v>
      </c>
      <c r="B19" s="11">
        <v>56372271</v>
      </c>
      <c r="C19" s="11">
        <v>6909700</v>
      </c>
      <c r="D19" s="11">
        <v>0</v>
      </c>
      <c r="E19" s="11">
        <v>4981932</v>
      </c>
      <c r="F19" s="11">
        <v>253259</v>
      </c>
      <c r="G19" s="11">
        <v>5235191</v>
      </c>
      <c r="H19" s="11">
        <v>84204</v>
      </c>
      <c r="I19" s="11">
        <v>5150987</v>
      </c>
      <c r="J19" s="11">
        <v>58300039</v>
      </c>
      <c r="K19" s="11">
        <v>3227618</v>
      </c>
      <c r="L19" s="9"/>
    </row>
    <row r="20" spans="1:12" s="12" customFormat="1" ht="17.25" customHeight="1">
      <c r="A20" s="10" t="s">
        <v>36</v>
      </c>
      <c r="B20" s="11">
        <v>23073228</v>
      </c>
      <c r="C20" s="11">
        <v>2034000</v>
      </c>
      <c r="D20" s="11">
        <v>0</v>
      </c>
      <c r="E20" s="11">
        <v>2704624</v>
      </c>
      <c r="F20" s="11">
        <v>94682</v>
      </c>
      <c r="G20" s="11">
        <v>2799306</v>
      </c>
      <c r="H20" s="11">
        <v>2121</v>
      </c>
      <c r="I20" s="11">
        <v>2797185</v>
      </c>
      <c r="J20" s="11">
        <v>22402604</v>
      </c>
      <c r="K20" s="11">
        <v>877662</v>
      </c>
      <c r="L20" s="9"/>
    </row>
    <row r="21" spans="1:12" s="12" customFormat="1" ht="17.25" customHeight="1">
      <c r="A21" s="10" t="s">
        <v>37</v>
      </c>
      <c r="B21" s="11">
        <v>28272928</v>
      </c>
      <c r="C21" s="11">
        <v>2443138</v>
      </c>
      <c r="D21" s="11">
        <v>3251</v>
      </c>
      <c r="E21" s="11">
        <v>2719196</v>
      </c>
      <c r="F21" s="11">
        <v>149936</v>
      </c>
      <c r="G21" s="11">
        <v>2869132</v>
      </c>
      <c r="H21" s="11">
        <v>0</v>
      </c>
      <c r="I21" s="11">
        <v>2869132</v>
      </c>
      <c r="J21" s="11">
        <v>28000121</v>
      </c>
      <c r="K21" s="11">
        <v>2685986</v>
      </c>
      <c r="L21" s="9"/>
    </row>
    <row r="22" spans="1:12" s="12" customFormat="1" ht="17.25" customHeight="1">
      <c r="A22" s="10" t="s">
        <v>38</v>
      </c>
      <c r="B22" s="11">
        <v>28413281</v>
      </c>
      <c r="C22" s="11">
        <v>2359088</v>
      </c>
      <c r="D22" s="11">
        <v>0</v>
      </c>
      <c r="E22" s="11">
        <v>2860334</v>
      </c>
      <c r="F22" s="11">
        <v>121440</v>
      </c>
      <c r="G22" s="11">
        <v>2981774</v>
      </c>
      <c r="H22" s="11">
        <v>0</v>
      </c>
      <c r="I22" s="11">
        <v>2981774</v>
      </c>
      <c r="J22" s="11">
        <v>27912035</v>
      </c>
      <c r="K22" s="11">
        <v>804338</v>
      </c>
      <c r="L22" s="9"/>
    </row>
    <row r="23" spans="1:12" s="12" customFormat="1" ht="17.25" customHeight="1">
      <c r="A23" s="10" t="s">
        <v>39</v>
      </c>
      <c r="B23" s="11">
        <v>16246120</v>
      </c>
      <c r="C23" s="11">
        <v>806100</v>
      </c>
      <c r="D23" s="11">
        <v>0</v>
      </c>
      <c r="E23" s="11">
        <v>1240130</v>
      </c>
      <c r="F23" s="11">
        <v>75637</v>
      </c>
      <c r="G23" s="11">
        <v>1315767</v>
      </c>
      <c r="H23" s="11">
        <v>0</v>
      </c>
      <c r="I23" s="11">
        <v>1315767</v>
      </c>
      <c r="J23" s="11">
        <v>15812090</v>
      </c>
      <c r="K23" s="11">
        <v>228024</v>
      </c>
      <c r="L23" s="9"/>
    </row>
    <row r="24" spans="1:12" ht="17.25" customHeight="1">
      <c r="A24" s="18" t="s">
        <v>40</v>
      </c>
      <c r="B24" s="19">
        <v>15880586</v>
      </c>
      <c r="C24" s="19">
        <v>1782700</v>
      </c>
      <c r="D24" s="19">
        <v>-1</v>
      </c>
      <c r="E24" s="19">
        <v>1942073</v>
      </c>
      <c r="F24" s="19">
        <v>59146</v>
      </c>
      <c r="G24" s="19">
        <v>2001219</v>
      </c>
      <c r="H24" s="19">
        <v>0</v>
      </c>
      <c r="I24" s="19">
        <v>2001219</v>
      </c>
      <c r="J24" s="19">
        <v>15721212</v>
      </c>
      <c r="K24" s="19">
        <v>908901</v>
      </c>
    </row>
    <row r="25" spans="1:12" ht="17.25" customHeight="1">
      <c r="A25" s="10" t="s">
        <v>41</v>
      </c>
      <c r="B25" s="11">
        <v>5629152</v>
      </c>
      <c r="C25" s="11">
        <v>794559</v>
      </c>
      <c r="D25" s="11">
        <v>0</v>
      </c>
      <c r="E25" s="11">
        <v>506960</v>
      </c>
      <c r="F25" s="11">
        <v>15965</v>
      </c>
      <c r="G25" s="11">
        <v>522925</v>
      </c>
      <c r="H25" s="11">
        <v>0</v>
      </c>
      <c r="I25" s="11">
        <v>522925</v>
      </c>
      <c r="J25" s="11">
        <v>5916751</v>
      </c>
      <c r="K25" s="11">
        <v>0</v>
      </c>
    </row>
    <row r="26" spans="1:12" s="12" customFormat="1" ht="17.25" customHeight="1">
      <c r="A26" s="10" t="s">
        <v>42</v>
      </c>
      <c r="B26" s="11">
        <v>7523405</v>
      </c>
      <c r="C26" s="11">
        <v>533400</v>
      </c>
      <c r="D26" s="11">
        <v>0</v>
      </c>
      <c r="E26" s="11">
        <v>1067680</v>
      </c>
      <c r="F26" s="11">
        <v>32764</v>
      </c>
      <c r="G26" s="11">
        <v>1100444</v>
      </c>
      <c r="H26" s="11">
        <v>0</v>
      </c>
      <c r="I26" s="11">
        <v>1100444</v>
      </c>
      <c r="J26" s="11">
        <v>6989125</v>
      </c>
      <c r="K26" s="11">
        <v>101923</v>
      </c>
      <c r="L26" s="9"/>
    </row>
    <row r="27" spans="1:12" s="12" customFormat="1" ht="17.25" customHeight="1">
      <c r="A27" s="10" t="s">
        <v>43</v>
      </c>
      <c r="B27" s="11">
        <v>8191361</v>
      </c>
      <c r="C27" s="11">
        <v>1051600</v>
      </c>
      <c r="D27" s="11">
        <v>0</v>
      </c>
      <c r="E27" s="11">
        <v>708968</v>
      </c>
      <c r="F27" s="11">
        <v>23955</v>
      </c>
      <c r="G27" s="11">
        <v>732923</v>
      </c>
      <c r="H27" s="11">
        <v>1158</v>
      </c>
      <c r="I27" s="11">
        <v>731765</v>
      </c>
      <c r="J27" s="11">
        <v>8533993</v>
      </c>
      <c r="K27" s="11">
        <v>1209488</v>
      </c>
      <c r="L27" s="9"/>
    </row>
    <row r="28" spans="1:12" s="12" customFormat="1" ht="17.25" customHeight="1">
      <c r="A28" s="10" t="s">
        <v>44</v>
      </c>
      <c r="B28" s="11">
        <v>7517841</v>
      </c>
      <c r="C28" s="11">
        <v>452300</v>
      </c>
      <c r="D28" s="11">
        <v>0</v>
      </c>
      <c r="E28" s="11">
        <v>620153</v>
      </c>
      <c r="F28" s="11">
        <v>33211</v>
      </c>
      <c r="G28" s="11">
        <v>653364</v>
      </c>
      <c r="H28" s="11">
        <v>0</v>
      </c>
      <c r="I28" s="11">
        <v>653364</v>
      </c>
      <c r="J28" s="11">
        <v>7349988</v>
      </c>
      <c r="K28" s="11">
        <v>571014</v>
      </c>
      <c r="L28" s="9"/>
    </row>
    <row r="29" spans="1:12" s="12" customFormat="1" ht="17.25" customHeight="1">
      <c r="A29" s="10" t="s">
        <v>45</v>
      </c>
      <c r="B29" s="11">
        <v>493597</v>
      </c>
      <c r="C29" s="11">
        <v>0</v>
      </c>
      <c r="D29" s="11">
        <v>0</v>
      </c>
      <c r="E29" s="11">
        <v>76527</v>
      </c>
      <c r="F29" s="11">
        <v>2266</v>
      </c>
      <c r="G29" s="11">
        <v>78793</v>
      </c>
      <c r="H29" s="11">
        <v>0</v>
      </c>
      <c r="I29" s="11">
        <v>78793</v>
      </c>
      <c r="J29" s="11">
        <v>417070</v>
      </c>
      <c r="K29" s="11">
        <v>10454</v>
      </c>
      <c r="L29" s="9"/>
    </row>
    <row r="30" spans="1:12" s="12" customFormat="1" ht="17.25" customHeight="1">
      <c r="A30" s="10" t="s">
        <v>46</v>
      </c>
      <c r="B30" s="11">
        <v>3220722</v>
      </c>
      <c r="C30" s="11">
        <v>310000</v>
      </c>
      <c r="D30" s="11">
        <v>0</v>
      </c>
      <c r="E30" s="11">
        <v>189161</v>
      </c>
      <c r="F30" s="11">
        <v>8237</v>
      </c>
      <c r="G30" s="11">
        <v>197398</v>
      </c>
      <c r="H30" s="11">
        <v>6428</v>
      </c>
      <c r="I30" s="11">
        <v>190970</v>
      </c>
      <c r="J30" s="11">
        <v>3341561</v>
      </c>
      <c r="K30" s="11">
        <v>104993</v>
      </c>
      <c r="L30" s="9"/>
    </row>
    <row r="31" spans="1:12" s="12" customFormat="1" ht="17.25" customHeight="1">
      <c r="A31" s="10" t="s">
        <v>47</v>
      </c>
      <c r="B31" s="11">
        <v>4790005</v>
      </c>
      <c r="C31" s="11">
        <v>1220900</v>
      </c>
      <c r="D31" s="11">
        <v>0</v>
      </c>
      <c r="E31" s="11">
        <v>380138</v>
      </c>
      <c r="F31" s="11">
        <v>19452</v>
      </c>
      <c r="G31" s="11">
        <v>399590</v>
      </c>
      <c r="H31" s="11">
        <v>0</v>
      </c>
      <c r="I31" s="11">
        <v>399590</v>
      </c>
      <c r="J31" s="11">
        <v>5630767</v>
      </c>
      <c r="K31" s="11">
        <v>103256</v>
      </c>
      <c r="L31" s="9"/>
    </row>
    <row r="32" spans="1:12" s="12" customFormat="1" ht="17.25" customHeight="1">
      <c r="A32" s="10" t="s">
        <v>48</v>
      </c>
      <c r="B32" s="11">
        <v>4295126</v>
      </c>
      <c r="C32" s="11">
        <v>260974</v>
      </c>
      <c r="D32" s="11">
        <v>0</v>
      </c>
      <c r="E32" s="11">
        <v>433692</v>
      </c>
      <c r="F32" s="11">
        <v>15284</v>
      </c>
      <c r="G32" s="11">
        <v>448976</v>
      </c>
      <c r="H32" s="11">
        <v>1644</v>
      </c>
      <c r="I32" s="11">
        <v>447332</v>
      </c>
      <c r="J32" s="11">
        <v>4122408</v>
      </c>
      <c r="K32" s="11">
        <v>31655</v>
      </c>
      <c r="L32" s="9"/>
    </row>
    <row r="33" spans="1:12" s="12" customFormat="1" ht="17.25" customHeight="1">
      <c r="A33" s="10" t="s">
        <v>49</v>
      </c>
      <c r="B33" s="11">
        <v>6869864</v>
      </c>
      <c r="C33" s="11">
        <v>703700</v>
      </c>
      <c r="D33" s="11">
        <v>0</v>
      </c>
      <c r="E33" s="11">
        <v>436310</v>
      </c>
      <c r="F33" s="11">
        <v>34948</v>
      </c>
      <c r="G33" s="11">
        <v>471258</v>
      </c>
      <c r="H33" s="11">
        <v>0</v>
      </c>
      <c r="I33" s="11">
        <v>471258</v>
      </c>
      <c r="J33" s="11">
        <v>7137254</v>
      </c>
      <c r="K33" s="11">
        <v>110401</v>
      </c>
      <c r="L33" s="9"/>
    </row>
    <row r="34" spans="1:12" s="12" customFormat="1" ht="17.25" customHeight="1">
      <c r="A34" s="10" t="s">
        <v>50</v>
      </c>
      <c r="B34" s="11">
        <v>8407845</v>
      </c>
      <c r="C34" s="11">
        <v>374100</v>
      </c>
      <c r="D34" s="11">
        <v>0</v>
      </c>
      <c r="E34" s="11">
        <v>1056437</v>
      </c>
      <c r="F34" s="11">
        <v>24452</v>
      </c>
      <c r="G34" s="11">
        <v>1080889</v>
      </c>
      <c r="H34" s="11">
        <v>7361</v>
      </c>
      <c r="I34" s="11">
        <v>1073528</v>
      </c>
      <c r="J34" s="11">
        <v>7725508</v>
      </c>
      <c r="K34" s="11">
        <v>1951</v>
      </c>
      <c r="L34" s="9"/>
    </row>
    <row r="35" spans="1:12" s="12" customFormat="1" ht="17.25" customHeight="1">
      <c r="A35" s="10" t="s">
        <v>51</v>
      </c>
      <c r="B35" s="11">
        <v>3500474</v>
      </c>
      <c r="C35" s="11">
        <v>331728</v>
      </c>
      <c r="D35" s="11">
        <v>0</v>
      </c>
      <c r="E35" s="11">
        <v>367985</v>
      </c>
      <c r="F35" s="11">
        <v>17458</v>
      </c>
      <c r="G35" s="11">
        <v>385443</v>
      </c>
      <c r="H35" s="11">
        <v>5332</v>
      </c>
      <c r="I35" s="11">
        <v>380111</v>
      </c>
      <c r="J35" s="11">
        <v>3464217</v>
      </c>
      <c r="K35" s="11">
        <v>33625</v>
      </c>
      <c r="L35" s="9"/>
    </row>
    <row r="36" spans="1:12" s="12" customFormat="1" ht="17.25" customHeight="1">
      <c r="A36" s="10" t="s">
        <v>52</v>
      </c>
      <c r="B36" s="11">
        <v>10601144</v>
      </c>
      <c r="C36" s="11">
        <v>521800</v>
      </c>
      <c r="D36" s="11">
        <v>0</v>
      </c>
      <c r="E36" s="11">
        <v>697666</v>
      </c>
      <c r="F36" s="11">
        <v>41795</v>
      </c>
      <c r="G36" s="11">
        <v>739461</v>
      </c>
      <c r="H36" s="11">
        <v>6</v>
      </c>
      <c r="I36" s="11">
        <v>739455</v>
      </c>
      <c r="J36" s="11">
        <v>10425278</v>
      </c>
      <c r="K36" s="11">
        <v>316579</v>
      </c>
      <c r="L36" s="9"/>
    </row>
    <row r="37" spans="1:12" s="12" customFormat="1" ht="17.25" customHeight="1">
      <c r="A37" s="10" t="s">
        <v>53</v>
      </c>
      <c r="B37" s="11">
        <v>6760254</v>
      </c>
      <c r="C37" s="11">
        <v>637100</v>
      </c>
      <c r="D37" s="11">
        <v>0</v>
      </c>
      <c r="E37" s="11">
        <v>708630</v>
      </c>
      <c r="F37" s="11">
        <v>28349</v>
      </c>
      <c r="G37" s="11">
        <v>736979</v>
      </c>
      <c r="H37" s="11">
        <v>11514</v>
      </c>
      <c r="I37" s="11">
        <v>725465</v>
      </c>
      <c r="J37" s="11">
        <v>6688724</v>
      </c>
      <c r="K37" s="11">
        <v>134690</v>
      </c>
      <c r="L37" s="9"/>
    </row>
    <row r="38" spans="1:12" ht="17.25" customHeight="1">
      <c r="A38" s="13" t="s">
        <v>54</v>
      </c>
      <c r="B38" s="14">
        <v>853766</v>
      </c>
      <c r="C38" s="14">
        <v>234700</v>
      </c>
      <c r="D38" s="14">
        <v>0</v>
      </c>
      <c r="E38" s="14">
        <v>36343</v>
      </c>
      <c r="F38" s="14">
        <v>515</v>
      </c>
      <c r="G38" s="14">
        <v>36858</v>
      </c>
      <c r="H38" s="14">
        <v>0</v>
      </c>
      <c r="I38" s="14">
        <v>36858</v>
      </c>
      <c r="J38" s="14">
        <v>1052123</v>
      </c>
      <c r="K38" s="14">
        <v>0</v>
      </c>
    </row>
    <row r="39" spans="1:12" ht="17.25" customHeight="1">
      <c r="A39" s="15" t="s">
        <v>55</v>
      </c>
      <c r="B39" s="16">
        <v>4331554729</v>
      </c>
      <c r="C39" s="16">
        <v>340965825</v>
      </c>
      <c r="D39" s="16">
        <v>3250</v>
      </c>
      <c r="E39" s="16">
        <v>337490216</v>
      </c>
      <c r="F39" s="16">
        <v>38019081</v>
      </c>
      <c r="G39" s="16">
        <v>375509297</v>
      </c>
      <c r="H39" s="16">
        <v>18968054</v>
      </c>
      <c r="I39" s="16">
        <v>356541243</v>
      </c>
      <c r="J39" s="16">
        <v>4335033588</v>
      </c>
      <c r="K39" s="16">
        <v>201251584</v>
      </c>
    </row>
  </sheetData>
  <phoneticPr fontId="2"/>
  <printOptions verticalCentered="1"/>
  <pageMargins left="0.78740157480314965" right="0.78740157480314965" top="0.98425196850393704" bottom="0.78740157480314965" header="0.59055118110236227" footer="0.59055118110236227"/>
  <pageSetup paperSize="9" orientation="portrait" r:id="rId1"/>
  <headerFooter alignWithMargins="0">
    <oddHeader>&amp;L&amp;"ＭＳ ゴシック,標準"&amp;10 １　令和３年度市町村普通会計決算状況
　（４）地方債現在高［&amp;P/&amp;N］&amp;R&amp;"ＭＳ ゴシック,標準"&amp;10
（単位：千円）</oddHeader>
  </headerFooter>
  <colBreaks count="1" manualBreakCount="1">
    <brk id="7" max="3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14</vt:lpstr>
      <vt:lpstr>'14'!Print_Area</vt:lpstr>
      <vt:lpstr>'14'!Print_Titles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 </cp:lastModifiedBy>
  <cp:lastPrinted>2023-01-05T09:37:25Z</cp:lastPrinted>
  <dcterms:created xsi:type="dcterms:W3CDTF">2013-03-18T10:12:01Z</dcterms:created>
  <dcterms:modified xsi:type="dcterms:W3CDTF">2023-01-11T07:16:51Z</dcterms:modified>
</cp:coreProperties>
</file>